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fileSharing readOnlyRecommended="1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0125\04_05_未病産業・連携Ｇ\13_CHO構想\01_CHO構想推進事業所登録\"/>
    </mc:Choice>
  </mc:AlternateContent>
  <xr:revisionPtr revIDLastSave="0" documentId="13_ncr:1_{817B318F-5C74-4AFB-B4CC-93134709659B}" xr6:coauthVersionLast="47" xr6:coauthVersionMax="47" xr10:uidLastSave="{00000000-0000-0000-0000-000000000000}"/>
  <bookViews>
    <workbookView xWindow="28680" yWindow="-120" windowWidth="29040" windowHeight="15720" xr2:uid="{BCFFE8BE-7291-433F-9825-2AA5604A52E3}"/>
  </bookViews>
  <sheets>
    <sheet name="2026.1.7現在" sheetId="1" r:id="rId1"/>
  </sheets>
  <definedNames>
    <definedName name="_xlnm._FilterDatabase" localSheetId="0" hidden="1">'2026.1.7現在'!$A$2:$C$2</definedName>
    <definedName name="_xlnm.Print_Titles" localSheetId="0">'2026.1.7現在'!$2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677" uniqueCount="869">
  <si>
    <t>登録番号</t>
  </si>
  <si>
    <t>企業名、団体、事業所名</t>
  </si>
  <si>
    <t>市町村</t>
  </si>
  <si>
    <t>株式会社ファーストステージ</t>
  </si>
  <si>
    <t>横浜市</t>
  </si>
  <si>
    <t>社会福祉法人三浦市社会福祉協議会</t>
  </si>
  <si>
    <t>三浦市</t>
  </si>
  <si>
    <t>学校法人横浜ＹＭＣＡ</t>
  </si>
  <si>
    <t>公益財団法人横浜ＹＭＣＡ</t>
  </si>
  <si>
    <t>社会福祉法人横浜ＹＭＣＡ福祉会</t>
  </si>
  <si>
    <t>株式会社メディセオ　相模ビル</t>
  </si>
  <si>
    <t>座間市</t>
  </si>
  <si>
    <t>株式会社メディセオ　厚木支店</t>
  </si>
  <si>
    <t>厚木市</t>
  </si>
  <si>
    <t>株式会社メディセオ　小田原支店</t>
  </si>
  <si>
    <t>小田原市</t>
  </si>
  <si>
    <t>株式会社メディセオ　平塚支店</t>
  </si>
  <si>
    <t>平塚市</t>
  </si>
  <si>
    <t>ＭＩＮＡＴＯ株式会社　横浜オフィス</t>
  </si>
  <si>
    <t>株式会社分析屋</t>
  </si>
  <si>
    <t>藤沢市</t>
  </si>
  <si>
    <t>アップコン株式会社</t>
  </si>
  <si>
    <t>川崎市</t>
  </si>
  <si>
    <t>田中水力株式会社</t>
  </si>
  <si>
    <t>相模原市</t>
  </si>
  <si>
    <t>株式会社アイネット・データサービス</t>
  </si>
  <si>
    <t>AIG損害保険株式会社横浜プロチャネル営業部</t>
  </si>
  <si>
    <t>向洋電機土木株式会社</t>
  </si>
  <si>
    <t>AIG損害保険株式会社厚木支店</t>
  </si>
  <si>
    <t>富士火災海上保険株式会社横浜営業支店</t>
  </si>
  <si>
    <t>AIG損害保険株式会社藤沢支店</t>
  </si>
  <si>
    <t>日本調剤株式会社　横浜第一支店</t>
  </si>
  <si>
    <t>日本調剤 横浜支店　元住吉駅前薬局</t>
  </si>
  <si>
    <t>日本調剤　横浜支店　武蔵中原薬局</t>
  </si>
  <si>
    <t>日本調剤　横浜支店　登戸薬局</t>
  </si>
  <si>
    <t>日本調剤　横浜支店　新川崎調剤薬局</t>
  </si>
  <si>
    <t>日本調剤　横浜支店　川崎調剤薬局</t>
  </si>
  <si>
    <t>日本調剤　横浜支店　武蔵小杉薬局</t>
  </si>
  <si>
    <t>日本調剤　横浜支店　川崎東薬局</t>
  </si>
  <si>
    <t>日本調剤　横浜支店　川崎中央薬局</t>
  </si>
  <si>
    <t>日本調剤　横浜支店　溝口薬局</t>
  </si>
  <si>
    <t>日本調剤　横浜支店　小杉町薬局</t>
  </si>
  <si>
    <t>日本調剤　横浜支店　川崎駅前薬局</t>
  </si>
  <si>
    <t>日本調剤　横浜支店　宮崎台薬局</t>
  </si>
  <si>
    <t>日本調剤　横浜支店　こすぎ薬局</t>
  </si>
  <si>
    <t>日本調剤　横浜支店　相武台前薬局</t>
  </si>
  <si>
    <t>日本調剤　横浜支店　南林間駅前薬局</t>
  </si>
  <si>
    <t>大和市</t>
  </si>
  <si>
    <t>日本調剤　横浜支店　中央林間薬局</t>
  </si>
  <si>
    <t>日本調剤　横浜支店　津久井薬局</t>
  </si>
  <si>
    <t>日本調剤　横浜支店　さがみ野調剤薬局</t>
  </si>
  <si>
    <t>海老名市</t>
  </si>
  <si>
    <t>日本調剤　横浜支店　相模原薬局</t>
  </si>
  <si>
    <t>日本調剤　横浜支店　秦野薬局</t>
  </si>
  <si>
    <t>秦野市</t>
  </si>
  <si>
    <t>日本調剤　横浜支店　北里薬局</t>
  </si>
  <si>
    <t>日本調剤　横浜支店　深見薬局</t>
  </si>
  <si>
    <t>日本調剤　横浜支店　相模大野薬局</t>
  </si>
  <si>
    <t>日本調剤　横浜支店　麻溝薬局</t>
  </si>
  <si>
    <t>日本調剤　横浜支店　新相模原薬局</t>
  </si>
  <si>
    <t>日本調剤　横浜支店　たまプラーザ薬局</t>
  </si>
  <si>
    <t>日本調剤　横浜支店　ながつた薬局</t>
  </si>
  <si>
    <t>日本調剤　横浜支店　みなみ台薬局</t>
  </si>
  <si>
    <t>日本調剤　横浜支店　ふれあいの丘薬局</t>
  </si>
  <si>
    <t>日本調剤　横浜支店　藤が丘薬局</t>
  </si>
  <si>
    <t>日本調剤　横浜支店　新ふれあいの丘薬局</t>
  </si>
  <si>
    <t>日本調剤　横浜支店　センター南薬局</t>
  </si>
  <si>
    <t>日本調剤　横浜支店　青葉台薬局</t>
  </si>
  <si>
    <t>日本調剤　横浜支店　中山駅前薬局</t>
  </si>
  <si>
    <t>日本調剤　横浜支店　あざみ野薬局</t>
  </si>
  <si>
    <t>日本調剤　横浜支店　下田町薬局</t>
  </si>
  <si>
    <t>日本調剤　横浜支店　鶴見駅前薬局</t>
  </si>
  <si>
    <t>日本調剤　横浜支店　新横浜薬局</t>
  </si>
  <si>
    <t>日本調剤　横浜支店　慶應日吉薬局</t>
  </si>
  <si>
    <t>日本調剤　横浜支店　港北薬局</t>
  </si>
  <si>
    <t>日本調剤　横浜支店　東中町薬局</t>
  </si>
  <si>
    <t>日本調剤　横浜支店　横浜本町薬局</t>
  </si>
  <si>
    <t>日本調剤　横浜支店　大倉山薬局</t>
  </si>
  <si>
    <t>日本調剤　横浜支店　きしね薬局</t>
  </si>
  <si>
    <t>日本調剤　横浜支店　綱島西薬局</t>
  </si>
  <si>
    <t>日本調剤　横浜支店　油壺薬局</t>
  </si>
  <si>
    <t>日本調剤　横浜支店　横須賀薬局</t>
  </si>
  <si>
    <t>横須賀市</t>
  </si>
  <si>
    <t>日本調剤　横浜支店　追浜薬局</t>
  </si>
  <si>
    <t>日本調剤　横浜支店　緑が丘薬局</t>
  </si>
  <si>
    <t>日本調剤　横浜支店　新横須賀薬局</t>
  </si>
  <si>
    <t>日本調剤　横浜支店　米が浜薬局</t>
  </si>
  <si>
    <t>日本調剤　横浜支店　平成薬局</t>
  </si>
  <si>
    <t>日本調剤　横浜支店　三笠通り薬局</t>
  </si>
  <si>
    <t>日本調剤　横浜支店　六浦薬局</t>
  </si>
  <si>
    <t>日本調剤　横浜支店　上永谷駅前薬局</t>
  </si>
  <si>
    <t>日本調剤　横浜支店　二俣川薬局</t>
  </si>
  <si>
    <t>日本調剤　横浜支店　根岸薬局</t>
  </si>
  <si>
    <t>日本調剤　横浜支店　金沢文庫薬局</t>
  </si>
  <si>
    <t>日本調剤　横浜支店　星川薬局</t>
  </si>
  <si>
    <t>日本調剤　横浜支店　浦舟薬局</t>
  </si>
  <si>
    <t>日本調剤　横浜支店　上大岡薬局</t>
  </si>
  <si>
    <t>日本調剤　横浜支店　上大岡駅前薬局</t>
  </si>
  <si>
    <t>日本調剤　横浜支店　泉山手台薬局</t>
  </si>
  <si>
    <t>日本調剤　横浜支店　中尾薬局</t>
  </si>
  <si>
    <t>日本調剤　横浜支店　瀬谷三ツ境薬局</t>
  </si>
  <si>
    <t>日本調剤　横浜支店　鶴屋町薬局</t>
  </si>
  <si>
    <t>日本調剤　横浜支店　新子安薬局</t>
  </si>
  <si>
    <t>日本調剤　横浜支店　野毛薬局</t>
  </si>
  <si>
    <t>日本調剤　横浜支店　関内駅前薬局</t>
  </si>
  <si>
    <t>日本調剤　横浜支店　石川町薬局</t>
  </si>
  <si>
    <t>日本調剤　横浜支店　ランドマーク薬局</t>
  </si>
  <si>
    <t>日本調剤　横浜支店　大口薬局</t>
  </si>
  <si>
    <t>日本調剤　横浜支店　元町薬局</t>
  </si>
  <si>
    <t>日本調剤　横浜支店　ＭＭパーク薬局</t>
  </si>
  <si>
    <t>日本調剤　横浜支店　東神奈川薬局</t>
  </si>
  <si>
    <t>日本調剤　横浜支店　元久保薬局</t>
  </si>
  <si>
    <t>日本調剤　横浜支店　新大船薬局</t>
  </si>
  <si>
    <t>鎌倉市</t>
  </si>
  <si>
    <t>日本調剤　横浜支店　大正薬局</t>
  </si>
  <si>
    <t>日本調剤　横浜支店　東戸塚調剤薬局</t>
  </si>
  <si>
    <t>日本調剤　横浜支店　戸塚薬局</t>
  </si>
  <si>
    <t>日本調剤　横浜支店　南戸塚薬局</t>
  </si>
  <si>
    <t>日本調剤　横浜支店　湘南茅ヶ崎薬局</t>
  </si>
  <si>
    <t>茅ヶ崎市</t>
  </si>
  <si>
    <t>日本調剤　横浜支店　藤沢薬局</t>
  </si>
  <si>
    <t>日本調剤　横浜支店　戸塚原宿薬局</t>
  </si>
  <si>
    <t>日本調剤　横浜支店　辻堂薬局</t>
  </si>
  <si>
    <t>日本調剤　横浜支店　大船薬局</t>
  </si>
  <si>
    <t>日本調剤　横浜支店　藤沢駅前薬局</t>
  </si>
  <si>
    <t>富士火災海上保険株式会社　相模原支店</t>
  </si>
  <si>
    <t>富士火災海上保険株式会社　横浜中央支店</t>
  </si>
  <si>
    <t>神奈川県内広域水道企業団　三ツ境本庁舎</t>
  </si>
  <si>
    <t>公益財団法人かながわトラストみどり財団</t>
  </si>
  <si>
    <t>山岸株式会社</t>
  </si>
  <si>
    <t>神奈川県道路公社</t>
  </si>
  <si>
    <t>株式会社ＴＳＫ</t>
  </si>
  <si>
    <t>株式会社川崎保険センター</t>
  </si>
  <si>
    <t>株式会社ＴＡＭＡＫＩ</t>
  </si>
  <si>
    <t>横浜信用金庫</t>
  </si>
  <si>
    <t>神奈川県内広域水道企業団
西長沢浄水場</t>
  </si>
  <si>
    <t>神奈川県内広域水道企業団
相模原浄水場</t>
  </si>
  <si>
    <t>神奈川県内広域水道企業団
伊勢原浄水場</t>
  </si>
  <si>
    <t>伊勢原市</t>
  </si>
  <si>
    <t>神奈川県内広域水道企業団
綾瀬浄水場</t>
  </si>
  <si>
    <t>綾瀬市</t>
  </si>
  <si>
    <t>神奈川県内広域水道企業団
飯泉取水管理事務所</t>
  </si>
  <si>
    <t>神奈川県内広域水道企業団
社家取水管理事務所</t>
  </si>
  <si>
    <t>神奈川県内広域水道企業団
広域水質管理センター</t>
  </si>
  <si>
    <t>かながわ信用金庫</t>
  </si>
  <si>
    <t>株式会社NEXT</t>
  </si>
  <si>
    <t>富士ゼロックス神奈川株式会社</t>
  </si>
  <si>
    <t>ＲＥＢＵＩＬＤ</t>
  </si>
  <si>
    <t>PIECE</t>
  </si>
  <si>
    <t>AIG損害保険株式会社横浜プロチャネル営業部（横浜支店）</t>
  </si>
  <si>
    <t>AIG損害保険株式会社横浜営業支店</t>
  </si>
  <si>
    <t>AIG損害保険株式会社相模原支店</t>
  </si>
  <si>
    <t>AIG損害保険株式会社横浜中央支店</t>
  </si>
  <si>
    <t>大塚製薬株式会社横浜支店</t>
  </si>
  <si>
    <t>社会福祉法人兼愛会特別養護老人ホームしょうじゅの里三保</t>
  </si>
  <si>
    <t>前田建設工業株式会社横浜営業所</t>
  </si>
  <si>
    <t>株式会社湘南インシュアランス</t>
  </si>
  <si>
    <t>有限会社グリーントラスト</t>
  </si>
  <si>
    <t>株式会社水栄</t>
  </si>
  <si>
    <t>社会福祉法人小桜会</t>
  </si>
  <si>
    <t>富士和電子株式会社</t>
  </si>
  <si>
    <t>株式会社コア・エレクトロニックシステム</t>
  </si>
  <si>
    <t>サクセスインシュアランスグループ株式会社</t>
  </si>
  <si>
    <t>株式会社ジーアンドケイ・アソシエイツ</t>
  </si>
  <si>
    <t>株式会社アクティス</t>
  </si>
  <si>
    <t>有限会社会津インシュアランスエージェンシー</t>
  </si>
  <si>
    <t>タイセーハウジング株式会社</t>
  </si>
  <si>
    <t>株式会社テイクオフ</t>
  </si>
  <si>
    <t>株式会社ドクターズ・マン</t>
  </si>
  <si>
    <t>親栄測量設計株式会社</t>
  </si>
  <si>
    <t>株式会社東和エンジニアリング</t>
  </si>
  <si>
    <t>株式会社ドコモＣＳ</t>
  </si>
  <si>
    <t>株式会社富士通ゼネラル</t>
  </si>
  <si>
    <t>株式会社須藤忠商事</t>
  </si>
  <si>
    <t>株式会社エスアールエル神奈川第二営業所</t>
  </si>
  <si>
    <t>有限会社ナカザト電器商会</t>
  </si>
  <si>
    <t>株式会社湘南運輸サービス</t>
  </si>
  <si>
    <t>株式会社湘南運輸倉庫</t>
  </si>
  <si>
    <t>株式会社ハカルス</t>
  </si>
  <si>
    <t>株式会社紅梅組</t>
  </si>
  <si>
    <t>株式会社アスリード</t>
  </si>
  <si>
    <t>株式会社KTN綜合保険サービス</t>
  </si>
  <si>
    <t>株式会社アスノ</t>
  </si>
  <si>
    <t>高橋保険コンサルティングオフィス</t>
  </si>
  <si>
    <t>田園都市保険サービス</t>
  </si>
  <si>
    <t>アンサングヒーロー</t>
  </si>
  <si>
    <t>株式会社ひばりが丘サポート</t>
  </si>
  <si>
    <t>エンジョイント</t>
  </si>
  <si>
    <t>株式会社ウイズ</t>
  </si>
  <si>
    <t>有限会社J.ライフ</t>
  </si>
  <si>
    <t>株式会社ほけんナビ</t>
  </si>
  <si>
    <t>有限会社ビジョン</t>
  </si>
  <si>
    <t>公益財団法人神奈川県公園協会</t>
  </si>
  <si>
    <t>株式会社アソシエインシュアランス</t>
  </si>
  <si>
    <t>アオック株式会社</t>
  </si>
  <si>
    <t>株式会社インカレージ</t>
  </si>
  <si>
    <t>株式会社栄和産業</t>
  </si>
  <si>
    <t>有限会社サトーズ保険事務所</t>
  </si>
  <si>
    <t>株式会社安心サービス</t>
  </si>
  <si>
    <t>ノアインシュアランス</t>
  </si>
  <si>
    <t>有限会社岩根建装</t>
  </si>
  <si>
    <t>株式会社オフィスワタナベ</t>
  </si>
  <si>
    <t>有限会社危機管理</t>
  </si>
  <si>
    <t>ゴーウェル株式会社</t>
  </si>
  <si>
    <t>オーエス</t>
  </si>
  <si>
    <t>株式会社横浜銀行</t>
  </si>
  <si>
    <t>カゴメ株式会社 神奈川支店</t>
  </si>
  <si>
    <t>石川昇三保険事務所</t>
  </si>
  <si>
    <t>株式会社県央ウイズ</t>
  </si>
  <si>
    <t>株式会社イミ電気</t>
  </si>
  <si>
    <t>株式会社U—Links</t>
  </si>
  <si>
    <t>株式会社エー・アイ横浜</t>
  </si>
  <si>
    <t>有限会社竹内保険事務所</t>
  </si>
  <si>
    <t>有限会社湘南大滝商会</t>
  </si>
  <si>
    <t>文明堂印刷株式会社</t>
  </si>
  <si>
    <t>株式会社ワイブイエフ</t>
  </si>
  <si>
    <t>株式会社マーキュリー</t>
  </si>
  <si>
    <t>株式会社メディセオ神奈川ALC</t>
  </si>
  <si>
    <t>日天株式会社</t>
  </si>
  <si>
    <t>アラン建設株式会社</t>
  </si>
  <si>
    <t>株式会社ネクストコンサルティング</t>
  </si>
  <si>
    <t>株式会社ヴォイス</t>
  </si>
  <si>
    <t>有限会社和蔵商事</t>
  </si>
  <si>
    <t>株式会社ワイズラボ</t>
  </si>
  <si>
    <t>株式会社オーケーサポート</t>
  </si>
  <si>
    <t>株式会社ＮextSolution</t>
  </si>
  <si>
    <t>有限会社東洋コーケン</t>
  </si>
  <si>
    <t>株式会社コモレア</t>
  </si>
  <si>
    <t>亀田鉄筋工業株式会社</t>
  </si>
  <si>
    <t>有限会社ティーエスアイ</t>
  </si>
  <si>
    <t>有限会社竹内通信工業</t>
  </si>
  <si>
    <t>株式会社有泉</t>
  </si>
  <si>
    <t>有限会社YFO</t>
  </si>
  <si>
    <t>株式会社だるま保険企画</t>
  </si>
  <si>
    <t>横浜設備株式会社</t>
  </si>
  <si>
    <t>株式会社ゴーデス</t>
  </si>
  <si>
    <t>株式会社マルキ</t>
  </si>
  <si>
    <t>日政総合保険事務所</t>
  </si>
  <si>
    <t>株式会社ビジネスワールド</t>
  </si>
  <si>
    <t>株式会社セレクトOne</t>
  </si>
  <si>
    <t>株式会社サムズアップ</t>
  </si>
  <si>
    <t>株式会社ベイ・エージェント</t>
  </si>
  <si>
    <t>株式会社ＭＮハート</t>
  </si>
  <si>
    <t>菅原保険事務所</t>
  </si>
  <si>
    <t>有限会社リープ商会</t>
  </si>
  <si>
    <t>有限会社アイユー保険</t>
  </si>
  <si>
    <t>社会福祉法人大地の会</t>
  </si>
  <si>
    <t>有限会社あおき保険事務所</t>
  </si>
  <si>
    <t>株式会社リースキン神奈川</t>
  </si>
  <si>
    <t>株式会社大塚保険サービス</t>
  </si>
  <si>
    <t>有限会社エフ・アイ・エー</t>
  </si>
  <si>
    <t>中山保険企画株式会社</t>
  </si>
  <si>
    <t>ジェーディーエルエンジニアリング株式会社　神奈川営業所</t>
  </si>
  <si>
    <t>有限会社根本製作所</t>
  </si>
  <si>
    <t>有限会社アラキインシュアランスオフィス</t>
  </si>
  <si>
    <t>株式会社イカリ製作所</t>
  </si>
  <si>
    <t>岩切通信工業株式会社</t>
  </si>
  <si>
    <t>株式会社シニア住宅建設</t>
  </si>
  <si>
    <t>有限会社冨澤土建</t>
  </si>
  <si>
    <t>有限会社エス・エイ・ビジネス</t>
  </si>
  <si>
    <t>株式会社光電気</t>
  </si>
  <si>
    <t>株式会社富田電機製作所</t>
  </si>
  <si>
    <t>有限会社共進自動車整備工場</t>
  </si>
  <si>
    <t>株式会社アネラ</t>
  </si>
  <si>
    <t>Sugar Insurance Office株式会社</t>
  </si>
  <si>
    <t>株式会社菊地鉄筋工業</t>
  </si>
  <si>
    <t>株式会社田中若松保険事務所</t>
  </si>
  <si>
    <t>株式会社祐心開発</t>
  </si>
  <si>
    <t>川本工業株式会社</t>
  </si>
  <si>
    <t>株式会社Boy the mover</t>
  </si>
  <si>
    <t>株式会社LIFEISFUN</t>
  </si>
  <si>
    <t>株式会社ボーイコーポレーション</t>
  </si>
  <si>
    <t>株式会社黒川装建</t>
  </si>
  <si>
    <t>有限会社金子畳店</t>
  </si>
  <si>
    <t>有限会社森村工業</t>
  </si>
  <si>
    <t>逗子市</t>
  </si>
  <si>
    <t>株式会社ゼロワン</t>
  </si>
  <si>
    <t>株式会社九南商事</t>
  </si>
  <si>
    <t>株式会社ジェイ・シー・サプライ</t>
  </si>
  <si>
    <t>有限会社大幸精機</t>
  </si>
  <si>
    <t>有限会社鈴木電設</t>
  </si>
  <si>
    <t>株式会社灰吹屋薬局</t>
  </si>
  <si>
    <t>株式会社クレディセゾン神奈川支社</t>
  </si>
  <si>
    <t>株式会社レオ</t>
  </si>
  <si>
    <t>アライグリーン株式会社</t>
  </si>
  <si>
    <t>アソ―熱工業株式会社</t>
  </si>
  <si>
    <t>ソフトウエアクリエイション株式会社</t>
  </si>
  <si>
    <t>株式会社剛建社</t>
  </si>
  <si>
    <t>株式会社サンユー</t>
  </si>
  <si>
    <t>株式会社日本工業所</t>
  </si>
  <si>
    <t>湘南メタルテック株式会社</t>
  </si>
  <si>
    <t>株式会社ケイビー工業</t>
  </si>
  <si>
    <t>横浜日野自動車株式会社</t>
  </si>
  <si>
    <t>株式会社ティーオーティー</t>
  </si>
  <si>
    <t>株式会社AKINAI</t>
  </si>
  <si>
    <t>株式会社BUDDY</t>
  </si>
  <si>
    <t>株式会社フルハウス</t>
  </si>
  <si>
    <t>株式会社翔工務店</t>
  </si>
  <si>
    <t>有限会社シバタ工業</t>
  </si>
  <si>
    <t>株式会社エイ・シー・ティ</t>
  </si>
  <si>
    <t>AIG損害保険株式会社　平塚支店</t>
  </si>
  <si>
    <t>有限会社扇設備工業</t>
  </si>
  <si>
    <t>有限会社一建テック</t>
  </si>
  <si>
    <t>株式会社アース開発</t>
  </si>
  <si>
    <t>株式会社イトーヨーカ堂
イトーヨーカドー食品館瀬谷店</t>
  </si>
  <si>
    <t>株式会社イトーヨーカ堂　
イトーヨーカドー
食品館ららぽーと湘南平塚店</t>
  </si>
  <si>
    <t>平塚市</t>
  </si>
  <si>
    <t>株式会社イトーヨーカ堂　
イトーヨーカドー
グランツリー武蔵小杉店</t>
  </si>
  <si>
    <t>株式会社イトーヨーカ堂　
イトーヨーカドー　
ザ・プライス湘南台店</t>
  </si>
  <si>
    <t>株式会社イトーヨーカ堂　
イトーヨーカドー　アリオ橋本店</t>
  </si>
  <si>
    <t>株式会社イトーヨーカ堂　
イトーヨーカドー　ららぽーと横浜店</t>
  </si>
  <si>
    <t>株式会社イトーヨーカ堂　
イトーヨーカドー　立場店</t>
  </si>
  <si>
    <t>株式会社イトーヨーカ堂　
イトーヨーカドー　湘南台店</t>
  </si>
  <si>
    <t>株式会社イトーヨーカ堂　
イトーヨーカドー　大和鶴間店</t>
  </si>
  <si>
    <t>株式会社イトーヨーカ堂　
イトーヨーカドー　川崎店</t>
  </si>
  <si>
    <t>株式会社イトーヨーカ堂　
イトーヨーカドー　横浜別所店</t>
  </si>
  <si>
    <t>株式会社イトーヨーカ堂　
イトーヨーカドー　能見台店</t>
  </si>
  <si>
    <t>株式会社イトーヨーカ堂　
イトーヨーカドー　川崎港町店</t>
  </si>
  <si>
    <t>株式会社イトーヨーカ堂　
イトーヨーカドー　鶴見店</t>
  </si>
  <si>
    <t>株式会社イトーヨーカ堂　
イトーヨーカドー　小田原店</t>
  </si>
  <si>
    <t>株式会社イトーヨーカ堂　
イトーヨーカドー　古淵店</t>
  </si>
  <si>
    <t>株式会社イトーヨーカ堂　
イトーヨーカドー　新百合ヶ丘店</t>
  </si>
  <si>
    <t>株式会社イトーヨーカ堂　
イトーヨーカドー　溝ノ口店</t>
  </si>
  <si>
    <t>株式会社イトーヨーカ堂　
イトーヨーカドー　伊勢原店</t>
  </si>
  <si>
    <t>株式会社イトーヨーカ堂　
イトーヨーカドー　武蔵小杉駅前店</t>
  </si>
  <si>
    <t>株式会社イトーヨーカ堂　
イトーヨーカドー　上永谷店</t>
  </si>
  <si>
    <t>株式会社イトーヨーカ堂　
イトーヨーカドー　若葉台店</t>
  </si>
  <si>
    <t>株式会社イトーヨーカ堂　
イトーヨーカドー　綱島店</t>
  </si>
  <si>
    <t>株式会社イトーヨーカ堂　
イトーヨーカドー　大船店</t>
  </si>
  <si>
    <t>株式会社イトーヨーカ堂　
イトーヨーカドー　茅ヶ崎店</t>
  </si>
  <si>
    <t>株式会社イトーヨーカ堂　
イトーヨーカドー　桂台店</t>
  </si>
  <si>
    <t>株式会社イトーヨーカ堂　
イトーヨーカドー　たまプラーザ店</t>
  </si>
  <si>
    <t>株式会社イトーヨーカ堂　
イトーヨーカドー　洋光台店</t>
  </si>
  <si>
    <t>株式会社イトーヨーカ堂　
イトーヨーカドー　藤沢店</t>
  </si>
  <si>
    <t>株式会社イトーヨーカ堂　
イトーヨーカドー　相模原店</t>
  </si>
  <si>
    <t>神奈川県住宅供給公社</t>
  </si>
  <si>
    <t>株式会社金子産商湘南</t>
  </si>
  <si>
    <t>株式会社BJU</t>
  </si>
  <si>
    <t>株式会社ブレイヴフィールド</t>
  </si>
  <si>
    <t>有限会社リンクコンサルティング</t>
  </si>
  <si>
    <t>ウィザース・システム株式会社</t>
  </si>
  <si>
    <t>株式会社ウエルアップ</t>
  </si>
  <si>
    <t>有限会社ラップ</t>
  </si>
  <si>
    <t>株式会社スターライフ</t>
  </si>
  <si>
    <t>株式会社宿泊予約経営研究所</t>
  </si>
  <si>
    <t>ジオスタ株式会社</t>
  </si>
  <si>
    <t>アクサ生命保険株式会社
横浜FA支社</t>
  </si>
  <si>
    <t>アクサ生命保険株式会社
神奈川FA支社</t>
  </si>
  <si>
    <t>アクサ生命保険株式会社
公法人部神奈川オフィス</t>
  </si>
  <si>
    <t>アクサ生命保険株式会社
横浜支社</t>
  </si>
  <si>
    <t>アクサ生命保険株式会社
横浜支社湘南営業所</t>
  </si>
  <si>
    <t>アクサ生命保険株式会社
横浜支社横浜営業所</t>
  </si>
  <si>
    <t>アクサ生命保険株式会社
横浜支社横須賀営業所</t>
  </si>
  <si>
    <t>アクサ生命保険株式会社
横浜支社相模原営業所</t>
  </si>
  <si>
    <t>株式会社本牧リテール</t>
  </si>
  <si>
    <t>奈良造園土木株式会社</t>
  </si>
  <si>
    <t>株式会社富士通ワイエフシー</t>
  </si>
  <si>
    <t>特定非営利活動法人ＹＭＣＡコミュニティサポート</t>
  </si>
  <si>
    <t>有限会社共立電機</t>
  </si>
  <si>
    <t>株式会社オルトス</t>
  </si>
  <si>
    <t>有限会社道建設</t>
  </si>
  <si>
    <t>Posing＆Fitness YOKOHAMA</t>
  </si>
  <si>
    <t>栄光商事株式会社</t>
  </si>
  <si>
    <t>日本調剤株式会社 横浜第二支店</t>
  </si>
  <si>
    <t>三和化成工業株式会社</t>
  </si>
  <si>
    <t>三和化成工業株式会社 横浜オフィス</t>
  </si>
  <si>
    <t>株式会社ランドサーベイ</t>
  </si>
  <si>
    <t>有限会社新生コスモス</t>
  </si>
  <si>
    <t>株式会社キアンティ</t>
  </si>
  <si>
    <t>株式会社岩崎自動車商会</t>
  </si>
  <si>
    <t>シンコー自動車株式会社</t>
  </si>
  <si>
    <t>AIG損害保険株式会社　神奈川エリア統括部</t>
  </si>
  <si>
    <t>AIG損害保険株式会社　神奈川SC
神奈川第一サービスセンター</t>
  </si>
  <si>
    <t>AIG損害保険株式会社　神奈川SC
神奈川第二サービスセンター</t>
  </si>
  <si>
    <t>AIG損害保険株式会社　神奈川SC
藤沢オフィス</t>
  </si>
  <si>
    <t>株式会社三峰エンジニアリング</t>
  </si>
  <si>
    <t>Key's株式会社</t>
  </si>
  <si>
    <t>FINE</t>
  </si>
  <si>
    <t>AIG損害保険株式会社　神奈川第３SC
厚木オフィス</t>
  </si>
  <si>
    <t>AIG損害保険株式会社　神奈川SC
神奈川第三サービスセンター</t>
  </si>
  <si>
    <t>デジタルコム株式会社</t>
  </si>
  <si>
    <t>株式会社コスモス</t>
  </si>
  <si>
    <t>株式会社横浜通商</t>
  </si>
  <si>
    <t>株式会社ゼオン</t>
  </si>
  <si>
    <t>有限会社あさひ総合保険企画</t>
  </si>
  <si>
    <t>株式会社リンクス</t>
  </si>
  <si>
    <t>株式会社アクセル</t>
  </si>
  <si>
    <t>株式会社嘉名栄</t>
  </si>
  <si>
    <t>株式会社筒見工務店</t>
  </si>
  <si>
    <t>株式会社エムアイシー</t>
  </si>
  <si>
    <t>有限会社エコ</t>
  </si>
  <si>
    <t>有限会社金子モータース</t>
  </si>
  <si>
    <t>ライフデザイン有限会社</t>
  </si>
  <si>
    <t>株式会社湘南ゼミナールオーシャン
宮崎台事業所</t>
  </si>
  <si>
    <t>株式会社横浜電算</t>
  </si>
  <si>
    <t>株式会社ティー・エム・シー</t>
  </si>
  <si>
    <t>有限会社グランパス</t>
  </si>
  <si>
    <t>株式会社恵比寿堂</t>
  </si>
  <si>
    <t>株式会社テクノリサーチ</t>
  </si>
  <si>
    <t>海外技術株式会社</t>
  </si>
  <si>
    <t>有限会社ユアーズ</t>
  </si>
  <si>
    <t>IeNiwa工房株式会社</t>
  </si>
  <si>
    <t>アドバンスドプランニング株式会社</t>
  </si>
  <si>
    <t>株式会社データープロセスサービス</t>
  </si>
  <si>
    <t>株式会社アクアリーフ</t>
  </si>
  <si>
    <t>ふくろう保険事務所</t>
  </si>
  <si>
    <t>ライム薬局ららテラス武蔵小杉店</t>
  </si>
  <si>
    <t>日本調剤 横浜第一支店 新石川薬局</t>
  </si>
  <si>
    <t>日本調剤 横浜第一支店 川崎幸薬局</t>
  </si>
  <si>
    <t>日本調剤 横浜第二支店 戸塚駅前薬局</t>
  </si>
  <si>
    <t>日本調剤 横浜第二支店 湘南平塚薬局</t>
  </si>
  <si>
    <t>わくわくボディクリニック 二俣川店</t>
  </si>
  <si>
    <t>わくわくボディクリニック 三ツ境店</t>
  </si>
  <si>
    <t>わくわくボディクリニック 鶴ヶ峰店</t>
  </si>
  <si>
    <t>わくわくボディクリニック 大和店</t>
  </si>
  <si>
    <t>わくわくボディクリニック 中央林間店</t>
  </si>
  <si>
    <t>株式会社ナカムラ</t>
  </si>
  <si>
    <t>プラネット</t>
  </si>
  <si>
    <t>株式会社ピース・コーポレーション</t>
  </si>
  <si>
    <t>有限会社ピーグレイス</t>
  </si>
  <si>
    <t>なとり会計</t>
  </si>
  <si>
    <t>大谷元特許事務所</t>
  </si>
  <si>
    <t>エアコンレスキュー横浜</t>
  </si>
  <si>
    <t>一般社団法人解体工事あんぜん協力会</t>
  </si>
  <si>
    <t>株式会社タスクフォース</t>
  </si>
  <si>
    <t>有限会社ライフ保険事務所</t>
  </si>
  <si>
    <t>有限会社やまもと総合保険サービス</t>
  </si>
  <si>
    <t>ピープルインシュアランスサービス株式会社</t>
  </si>
  <si>
    <t>株式会社フラットワウンド</t>
  </si>
  <si>
    <t>シーズンソリューション株式会社</t>
  </si>
  <si>
    <t>星通商株式会社</t>
  </si>
  <si>
    <t>株式会社シーリンク</t>
  </si>
  <si>
    <t>株式会社Ｃ＆Ｔ Ａgents</t>
  </si>
  <si>
    <t>江田総合設備株式会社</t>
  </si>
  <si>
    <t>有限会社アヤセ木型</t>
  </si>
  <si>
    <t>ピー・アイ・スクエア株式会社</t>
  </si>
  <si>
    <t>システムワークスジャパン株式会社</t>
  </si>
  <si>
    <t>株式会社システムワン</t>
  </si>
  <si>
    <t>株式会社阿部興業</t>
  </si>
  <si>
    <t>株式会社トライプランニング</t>
  </si>
  <si>
    <t>ベイラインエクスプレス株式会社</t>
  </si>
  <si>
    <t>株式会社共生</t>
  </si>
  <si>
    <t>有限会社アスリート</t>
  </si>
  <si>
    <t>プライベートサロン Vinaka</t>
  </si>
  <si>
    <t>有限会社せきしん運輸</t>
  </si>
  <si>
    <t>株式会社Ｅ-earth</t>
  </si>
  <si>
    <t>株式会社アシスト・ワン</t>
  </si>
  <si>
    <t>有限会社POWER OFFICE</t>
  </si>
  <si>
    <t>株式会社サードシステム</t>
  </si>
  <si>
    <t>相和設備工業株式会社</t>
  </si>
  <si>
    <t>株式会社丸越</t>
  </si>
  <si>
    <t>茅ケ崎市</t>
  </si>
  <si>
    <t>株式会社加賀妻工務店</t>
  </si>
  <si>
    <t>大総設備工業</t>
  </si>
  <si>
    <t>株式会社丘電機</t>
  </si>
  <si>
    <t>株式会社二十一設計</t>
  </si>
  <si>
    <t>株式会社エスワイシー</t>
  </si>
  <si>
    <t>株式会社エムズライフパートナー</t>
  </si>
  <si>
    <t>アルバックヒューマンリレーションズ株式会社</t>
  </si>
  <si>
    <t>株式会社ＫＥＡ工房</t>
  </si>
  <si>
    <t>医療法人社団カワサキ 歯科川﨑医院</t>
  </si>
  <si>
    <t>株式会社メディカルサポート川﨑
上溝駅前整骨院 リヴァー</t>
  </si>
  <si>
    <t>医療法人社団カワサキ リハビリストホーム上溝</t>
  </si>
  <si>
    <t>医療法人社団カワサキ 口腔栄養健康センター</t>
  </si>
  <si>
    <t>医療法人社団カワサキ 歯科川﨑医院 あいおい　</t>
  </si>
  <si>
    <t>株式会社グリーンメディックス</t>
  </si>
  <si>
    <t>株式会社南部</t>
  </si>
  <si>
    <t>有限会社池野空調工業</t>
  </si>
  <si>
    <t>株式会社スポーツワン</t>
  </si>
  <si>
    <t>株式会社足柄防災</t>
  </si>
  <si>
    <t>林建材興業株式会社</t>
  </si>
  <si>
    <t>株式会社ビー・ユー</t>
  </si>
  <si>
    <t>有限会社ユニオンシステム</t>
  </si>
  <si>
    <t>株式会社アスール</t>
  </si>
  <si>
    <t>大和プリント工業株式会社</t>
  </si>
  <si>
    <t>富士フイルムグループ健康保険組合</t>
  </si>
  <si>
    <t>公益財団法人健康予防医学財団
ヘルスケアクリニック厚木</t>
  </si>
  <si>
    <t>平和工業株式会社</t>
  </si>
  <si>
    <t>株式会社高尚エンジニアリング</t>
  </si>
  <si>
    <t>横浜トータルプランニング株式会社</t>
  </si>
  <si>
    <t>株式会社石井商事</t>
  </si>
  <si>
    <t>有限会社トゥルース</t>
  </si>
  <si>
    <t>株式会社アブソルート</t>
  </si>
  <si>
    <t>ＨＰＣ統合医療研究所株式会社</t>
  </si>
  <si>
    <t>旭富士株式会社</t>
  </si>
  <si>
    <t>千鳥造園工事株式会社</t>
  </si>
  <si>
    <t>株式会社スタックス</t>
  </si>
  <si>
    <t>アクロクエストテクノロジー株式会社</t>
  </si>
  <si>
    <t>有限会社野口板金工業</t>
  </si>
  <si>
    <t>真生工業株式会社</t>
  </si>
  <si>
    <t>株式会社テクノアクト</t>
  </si>
  <si>
    <t>有限会社みのり衛生工業</t>
  </si>
  <si>
    <t>株式会社アベストミヤケ</t>
  </si>
  <si>
    <t>株式会社ベルテック</t>
  </si>
  <si>
    <t>南足柄市</t>
  </si>
  <si>
    <t>特定非営利活動法人ともに会</t>
  </si>
  <si>
    <t>株式会社アジャスト企画</t>
  </si>
  <si>
    <t>株式会社諸星硝子店</t>
  </si>
  <si>
    <t>株式会社ハセケン</t>
  </si>
  <si>
    <t>ジェイホームズ株式会社</t>
  </si>
  <si>
    <t>株式会社湯川鉄工所</t>
  </si>
  <si>
    <t>有限会社ユーイング</t>
  </si>
  <si>
    <t>東建設株式会社</t>
  </si>
  <si>
    <t>一般社団法人健康ポスティング普及協会</t>
  </si>
  <si>
    <t>株式会社不二運輸倉庫</t>
  </si>
  <si>
    <t>ＫＤＤＩ南関東総支社</t>
  </si>
  <si>
    <t>一般財団法人若葉台まちづくりセンター</t>
  </si>
  <si>
    <t>株式会社田中沙官</t>
  </si>
  <si>
    <t>株式会社dig</t>
  </si>
  <si>
    <t>株式会社ひのきリライアンス</t>
  </si>
  <si>
    <t>株式会社シオン学園　三共自動車学校</t>
  </si>
  <si>
    <t>株式会社テクニカルエンジニアリングサポート</t>
  </si>
  <si>
    <t>株式会社花友生花店</t>
  </si>
  <si>
    <t>株式会社カナコ―</t>
  </si>
  <si>
    <t>ＴＥＳ－ＡＭＭ ＪＡＰＡＮ株式会社</t>
  </si>
  <si>
    <t>城南自動機株式会社</t>
  </si>
  <si>
    <t>株式会社ハラダ</t>
  </si>
  <si>
    <t>株式会社栄林</t>
  </si>
  <si>
    <t>第一生命保険株式会社 神奈川営業局</t>
  </si>
  <si>
    <t>ジスクソフト株式会社</t>
  </si>
  <si>
    <t>横浜植木株式会社</t>
  </si>
  <si>
    <t>株式会社Ｎaturalship</t>
  </si>
  <si>
    <t>株式会社ニッショウ　本店営業所</t>
  </si>
  <si>
    <t>株式会社ニッショウ　藤沢営業所</t>
  </si>
  <si>
    <t>株式会社ニッショウ　湘南営業所</t>
  </si>
  <si>
    <t>株式会社ニッショウ　平塚営業所</t>
  </si>
  <si>
    <t>ニッショウ　スマイルステーション茅ヶ崎</t>
  </si>
  <si>
    <t>ニッショウ　スマイルステーション湘南台</t>
  </si>
  <si>
    <t>ニッショウ　スマイルステーション大庭</t>
  </si>
  <si>
    <t>ニッショウ　スマイルステーション辻堂</t>
  </si>
  <si>
    <t>湘南介護求人センター</t>
  </si>
  <si>
    <t>ななほし薬局 山手駅前通り店</t>
  </si>
  <si>
    <t>ななほし薬局 座間店</t>
  </si>
  <si>
    <t>ななほし薬局 長後店</t>
  </si>
  <si>
    <t>横浜緑地株式会社</t>
  </si>
  <si>
    <t>アザエンジニアリング株式会社</t>
  </si>
  <si>
    <t>豊倉助産院</t>
  </si>
  <si>
    <t>中尾気功教室 茅ヶ崎駅ビル文化教室</t>
  </si>
  <si>
    <t>中尾気功教室 平塚駅ビル文化教室</t>
  </si>
  <si>
    <t>一般社団法人かながわ土地建物保全協会</t>
  </si>
  <si>
    <t>株式会社マスミ製作所</t>
  </si>
  <si>
    <t>株式会社Ｗoo－Ｂy.Style</t>
  </si>
  <si>
    <t>株式会社日洋エフフィール</t>
  </si>
  <si>
    <t>マザーシップテクノロジー株式会社　横浜ブランチ</t>
  </si>
  <si>
    <t>東京ガスライフバル湘南茅ヶ崎 平塚店</t>
  </si>
  <si>
    <t>日本調剤　横浜第一支店　ザ　ガーデン薬局</t>
  </si>
  <si>
    <t>日本調剤　横浜第一支店　鶴見西口薬局</t>
  </si>
  <si>
    <t>日本調剤　横浜第二支店　MMセンター薬局</t>
  </si>
  <si>
    <t>日本調剤　横浜第二支店　元町通り薬局</t>
  </si>
  <si>
    <t>日本調剤　横浜第二支店　天王町薬局</t>
  </si>
  <si>
    <t>スマイルテクノロジーユナイテッド株式会社</t>
  </si>
  <si>
    <t>野崎印刷紙器株式会社 横浜支店</t>
  </si>
  <si>
    <t>株式会社大和ケミカル</t>
  </si>
  <si>
    <t>MCMのめぐみ株式会社</t>
  </si>
  <si>
    <t>株式会社ヴァルカン</t>
  </si>
  <si>
    <t>第一生命保険株式会社 横浜総合支社</t>
  </si>
  <si>
    <t>第一生命保険株式会社 川崎支社</t>
  </si>
  <si>
    <t>第一生命保険株式会社 新横浜支社</t>
  </si>
  <si>
    <t>第一生命保険株式会社 厚木支社</t>
  </si>
  <si>
    <t>第一生命保険株式会社 湘南支社</t>
  </si>
  <si>
    <t>第一生命保険株式会社 平塚支社</t>
  </si>
  <si>
    <t>第一生命保険株式会社 神奈川コンサルティング営業室</t>
  </si>
  <si>
    <t>有限会社丸善興業</t>
  </si>
  <si>
    <t>有限会社城北自動車商会</t>
  </si>
  <si>
    <t>有限会社玉井保険事務所</t>
  </si>
  <si>
    <t>税理士法人髙木会計事務所</t>
  </si>
  <si>
    <t>株式会社経営管理センター</t>
  </si>
  <si>
    <t>行政書士法人横浜総合法務事務所</t>
  </si>
  <si>
    <t>社会保険労務士法人ミューゼス</t>
  </si>
  <si>
    <t>株式会社日本保険サービス協会</t>
  </si>
  <si>
    <t>株式会社原田運送</t>
  </si>
  <si>
    <t>Ａrteryex株式会社</t>
  </si>
  <si>
    <t>山本助産院</t>
  </si>
  <si>
    <t>助産院　バースあおば</t>
  </si>
  <si>
    <t>株式会社ウイザップ偕揚社</t>
  </si>
  <si>
    <t>株式会社清和サービス</t>
  </si>
  <si>
    <t>クランベイスエステート株式会社</t>
  </si>
  <si>
    <t>株式会社リテック 本社工場</t>
  </si>
  <si>
    <t>株式会社リテック 座間工場</t>
  </si>
  <si>
    <t>株式会社山芳園 本社</t>
  </si>
  <si>
    <t>株式会社山芳園　ＨＡＮＡＫＵＲＡ 馬車道店</t>
  </si>
  <si>
    <t>株式会社山芳園　ＨＡＮＡＫＵＲＡ 綾瀬店</t>
  </si>
  <si>
    <t>株式会社ヤトー 横浜本社・工場</t>
  </si>
  <si>
    <t>フレックスオートレビュー株式会社</t>
  </si>
  <si>
    <t>中央総業株式会社</t>
  </si>
  <si>
    <t>株式会社松本ほけんセンター</t>
  </si>
  <si>
    <t>シミックヘルスケア・インスティテュート株式会社 西関東オフィス</t>
  </si>
  <si>
    <t>東日本電信電話株式会社 神奈川事業部</t>
  </si>
  <si>
    <t>株式会社ＮＴＴ東日本－南関東 神奈川事業部</t>
  </si>
  <si>
    <t>住友生命保険相互会社 横浜支社</t>
  </si>
  <si>
    <t>住友生命保険相互会社　湘南支社</t>
  </si>
  <si>
    <t>住友生命保険相互会社 南神奈川支社</t>
  </si>
  <si>
    <t>住友生命保険相互会社 川崎支社</t>
  </si>
  <si>
    <t>日本生命保険相互会社 横浜教育研修室</t>
  </si>
  <si>
    <t>日本生命保険相互会社 横浜北支社</t>
  </si>
  <si>
    <t>日本生命保険相互会社 横浜支社　</t>
  </si>
  <si>
    <t>日本生命保険相互会社 新横浜支社</t>
  </si>
  <si>
    <t>日本生命保険相互会社 湘南支社</t>
  </si>
  <si>
    <t>日本生命保険相互会社 平塚支社</t>
  </si>
  <si>
    <t>シンテック株式会社 本社</t>
  </si>
  <si>
    <t>住友生命保険相互会社 町田支社 厚木営業部</t>
  </si>
  <si>
    <t>株式会社高岡興業</t>
  </si>
  <si>
    <t>新栄工販株式会社</t>
  </si>
  <si>
    <t>株式会社オーシャン</t>
  </si>
  <si>
    <t>富士冷熱工業株式会社</t>
  </si>
  <si>
    <t>めぐみ助産院</t>
  </si>
  <si>
    <t>ＬＩＧ株式会社（旧社名：株式会社アベック）</t>
  </si>
  <si>
    <t>株式会社リーディングイノベーションスタッフ</t>
  </si>
  <si>
    <t>大総株式会社</t>
  </si>
  <si>
    <t>有限会社赤神設備工業</t>
  </si>
  <si>
    <t>株式会社アイシマ</t>
  </si>
  <si>
    <t>株式会社カラー</t>
  </si>
  <si>
    <t>社会福祉法人聖テレジア会</t>
  </si>
  <si>
    <t>株式会社タイムシステム</t>
  </si>
  <si>
    <t>株式会社トランスパックエキスプレス</t>
  </si>
  <si>
    <t>株式会社E-st</t>
  </si>
  <si>
    <t>株式会社デイサービスよしざわさんち</t>
  </si>
  <si>
    <t>明治安田生命保険相互会社 神奈川本部</t>
  </si>
  <si>
    <t>有限会社サンコール・インターナショナル</t>
  </si>
  <si>
    <t>有限会社相川急送</t>
  </si>
  <si>
    <t>庄司鳶工業株式会社</t>
  </si>
  <si>
    <t>株式会社代行</t>
  </si>
  <si>
    <t>特定非営利活動法人フューチャースペース</t>
  </si>
  <si>
    <t>三共陸上輸送株式会社</t>
  </si>
  <si>
    <t>アールティー株式会社</t>
  </si>
  <si>
    <t>株式会社邦栄</t>
  </si>
  <si>
    <t>株式会社稲野組</t>
  </si>
  <si>
    <t>株式会社ドリーム</t>
  </si>
  <si>
    <t>株式会社ＣＯＬＡ－ＶＯ</t>
  </si>
  <si>
    <t>株式会社海老名鋼材</t>
  </si>
  <si>
    <t>株式会社タズミ</t>
  </si>
  <si>
    <t>天野石材有限会社</t>
  </si>
  <si>
    <t>有限会社　ベストプラン</t>
  </si>
  <si>
    <t>株式会社ダスキンビーグル</t>
  </si>
  <si>
    <t>株式会社イノウエ</t>
  </si>
  <si>
    <t>湘南カーゴ株式会社</t>
  </si>
  <si>
    <t>堀精工株式会社</t>
  </si>
  <si>
    <t>有限会社サガミ空圧設備</t>
  </si>
  <si>
    <t>有限会社キタジマハウジング</t>
  </si>
  <si>
    <t>有限会社サワヤ自動車整備工場</t>
  </si>
  <si>
    <t>相模螺子株式会社</t>
  </si>
  <si>
    <t>有限会社インテグラル</t>
  </si>
  <si>
    <t>株式会社山城製作所</t>
  </si>
  <si>
    <t>株式会社ナミックス</t>
  </si>
  <si>
    <t>株式会社マザーライク</t>
  </si>
  <si>
    <t>株式会社Ｒｅ．</t>
  </si>
  <si>
    <t>武松商事株式会社</t>
  </si>
  <si>
    <t>株式会社塩沢トレーディング</t>
  </si>
  <si>
    <t>有限会社常陸環境</t>
  </si>
  <si>
    <t>飯塚メタル商工</t>
  </si>
  <si>
    <t>株式会社SA</t>
  </si>
  <si>
    <t>浮島オイルサービス株式会社</t>
  </si>
  <si>
    <t>結プランニング株式会社</t>
  </si>
  <si>
    <t>株式会社Crepas</t>
  </si>
  <si>
    <t>有限会社ブルーム</t>
  </si>
  <si>
    <t>株式会社新井清太郎商店</t>
  </si>
  <si>
    <t>有限会社ｉｍｓ</t>
  </si>
  <si>
    <t>横浜油脂工業株式会社</t>
  </si>
  <si>
    <t>有限会社三和保険事務所</t>
  </si>
  <si>
    <t>株式会社丹野設備工業所</t>
  </si>
  <si>
    <t>アトライズ技研株式会社</t>
  </si>
  <si>
    <t>株式会社８０</t>
  </si>
  <si>
    <t>ブルーマチックジャパン株式会社</t>
  </si>
  <si>
    <t>アイ・エル訪問看護ステーション</t>
  </si>
  <si>
    <t>熊野輸送株式会社</t>
  </si>
  <si>
    <t>神奈川県マーク電子</t>
  </si>
  <si>
    <t>株式会社スズキ自販湘南</t>
  </si>
  <si>
    <t>株式会社リード</t>
  </si>
  <si>
    <t>株式会社ジェネラルインシュアランスエイジェンシー</t>
  </si>
  <si>
    <t>株式会社トラスト</t>
  </si>
  <si>
    <t>株式会社ビコーライン</t>
  </si>
  <si>
    <t>株式会社プライム１</t>
  </si>
  <si>
    <t>損害保険ジャパン株式会社神奈川支店小田原支社</t>
  </si>
  <si>
    <t>損害保険ジャパン株式会社神奈川支店平塚支社</t>
  </si>
  <si>
    <t>損害保険ジャパン株式会社神奈川支店藤沢支社</t>
  </si>
  <si>
    <t>損害保険ジャパン株式会社神奈川支店厚木支社</t>
  </si>
  <si>
    <t>損害保険ジャパン株式会社横浜中央支店川崎支社</t>
  </si>
  <si>
    <t>損害保険ジャパン株式会社横浜中央支店港北支社</t>
  </si>
  <si>
    <t>損害保険ジャパン株式会社横浜中央支店横須賀支社</t>
  </si>
  <si>
    <t>損害保険ジャパン株式会社横浜中央支店港南支社</t>
  </si>
  <si>
    <t>損害保険ジャパン株式会社横浜中央支店横浜支社</t>
  </si>
  <si>
    <t>損害保険ジャパン株式会社神奈川自動車営業部</t>
  </si>
  <si>
    <t>損害保険ジャパン株式会社横浜自動車営業部</t>
  </si>
  <si>
    <t>損害保険ジャパン株式会社横浜ベイサイド支店</t>
  </si>
  <si>
    <t>損害保険ジャパン株式会社横浜支店</t>
  </si>
  <si>
    <t>潔リフォーム株式会社</t>
  </si>
  <si>
    <t>株式会社サトウ自動車</t>
  </si>
  <si>
    <t>森健一事務所株式会社</t>
  </si>
  <si>
    <t>株式会社相川製作所</t>
  </si>
  <si>
    <t>8787com株式会社</t>
  </si>
  <si>
    <t>アサヒガス器具株式会社</t>
  </si>
  <si>
    <t>株式会社ヤマグチライン</t>
  </si>
  <si>
    <t>株式会社遠井興業</t>
  </si>
  <si>
    <t>株式会社伊東サービス</t>
  </si>
  <si>
    <t>セントラル電子制御株式会社</t>
  </si>
  <si>
    <t>株式会社スマートバディ</t>
  </si>
  <si>
    <t>安全輸送株式会社横浜営業所</t>
  </si>
  <si>
    <t>ラス・スーパーフライ株式会社</t>
  </si>
  <si>
    <t>日崎工業株式会社</t>
  </si>
  <si>
    <t>開成工業株式会社</t>
  </si>
  <si>
    <t>日機道路株式会社</t>
  </si>
  <si>
    <t>株式会社宮下保険サービス</t>
  </si>
  <si>
    <t>株式会社スリーハイ</t>
  </si>
  <si>
    <t>アクテス京三株式会社</t>
  </si>
  <si>
    <t>エー・アール・アイ株式会社</t>
  </si>
  <si>
    <t>有限会社伊藤工務店</t>
  </si>
  <si>
    <t>相信産業株式会社</t>
  </si>
  <si>
    <t>ユーミーらいふグループ</t>
  </si>
  <si>
    <t>ブライザ株式会社</t>
  </si>
  <si>
    <t>ホシザキ湘南株式会社</t>
  </si>
  <si>
    <t>株式会社メタテクノ</t>
  </si>
  <si>
    <t>明和工業株式会社</t>
  </si>
  <si>
    <t>富士ソフト企画株式会社 大船本社</t>
  </si>
  <si>
    <t>株式会社ブライトスターズ</t>
  </si>
  <si>
    <t>NOFメタルコーティングス株式会社</t>
  </si>
  <si>
    <t>株式会社和興　横浜経理室</t>
  </si>
  <si>
    <t>聖和電設株式会社</t>
  </si>
  <si>
    <t>株式会社庭神</t>
  </si>
  <si>
    <t>ジョイテック株式会社</t>
  </si>
  <si>
    <t>東京ライト工業株式会社相模原工場</t>
  </si>
  <si>
    <t>学校法人明照幼稚園</t>
  </si>
  <si>
    <t>有限会社結城商事運輸　本社事業所</t>
  </si>
  <si>
    <t>アトピッコハウス(株)</t>
  </si>
  <si>
    <t>株式会社kainalu</t>
  </si>
  <si>
    <t>ジェノダイブファーマ株式会社</t>
  </si>
  <si>
    <t>株式会社ベスト・プライム</t>
  </si>
  <si>
    <t>オイレス工業株式会社藤沢事業場</t>
  </si>
  <si>
    <t>株式会社不動マネジメント</t>
  </si>
  <si>
    <t>株式会社不動コンストラクト</t>
  </si>
  <si>
    <t>新興電設工業株式会社</t>
  </si>
  <si>
    <t>横浜エレベータ株式会社</t>
  </si>
  <si>
    <t>有限会社地葉板金製作所</t>
  </si>
  <si>
    <t>荻野化成株式会社本社</t>
  </si>
  <si>
    <t>株式会社大神</t>
  </si>
  <si>
    <t>株式会社LST</t>
  </si>
  <si>
    <t>株式会社　VEINS</t>
  </si>
  <si>
    <t>株式会社ネオジャパン</t>
  </si>
  <si>
    <t>浦田機械土木株式会社</t>
  </si>
  <si>
    <t>株式会社　つかさ</t>
  </si>
  <si>
    <t>増田商事株式会社</t>
  </si>
  <si>
    <t>株式会社ミツル光学研究所</t>
  </si>
  <si>
    <t>紘永工業株式会社</t>
  </si>
  <si>
    <t>株式会社浅田</t>
  </si>
  <si>
    <t>株式会社　茅ヶ崎技研</t>
  </si>
  <si>
    <t>株式会社建新</t>
  </si>
  <si>
    <t>タクエーホーム株式会社</t>
  </si>
  <si>
    <t>株式会社山王</t>
  </si>
  <si>
    <t>株式会社関野地所</t>
  </si>
  <si>
    <t>新東スマートエンジニアリング株式会社</t>
  </si>
  <si>
    <t>置田運輸株式会社</t>
  </si>
  <si>
    <t>公益財団法人神奈川産業振興センター</t>
  </si>
  <si>
    <t>医療法人社団ＳＥＤ</t>
  </si>
  <si>
    <t>株式会社W-Insight ホリスティックケア事業部「いきいき健康サロン デトックス鍼灸 ことわり」</t>
  </si>
  <si>
    <t>医療法人社団神茗会</t>
  </si>
  <si>
    <t>日興テクノス株式会社</t>
  </si>
  <si>
    <t>KINDLY株式会社</t>
  </si>
  <si>
    <t>株式会社あさひ保育所</t>
  </si>
  <si>
    <t>株式会社Grasol</t>
  </si>
  <si>
    <t>株式会社Fastsubstancelogistics</t>
  </si>
  <si>
    <t>株式会社JAG</t>
  </si>
  <si>
    <t>有限会社井上機工</t>
  </si>
  <si>
    <t>株式会社新公建設</t>
  </si>
  <si>
    <t>株式会社ホクト印刷</t>
  </si>
  <si>
    <t>株式会社GLW</t>
  </si>
  <si>
    <t>株式会社下元組</t>
  </si>
  <si>
    <t>株式会社パディントン</t>
  </si>
  <si>
    <t>株式会社中村建設</t>
  </si>
  <si>
    <t>水道テクニカルサービス株式会社</t>
  </si>
  <si>
    <t>リアレスト株式会社</t>
  </si>
  <si>
    <t>株式会社ＩＥＭ</t>
  </si>
  <si>
    <t>株式会社Be Star</t>
  </si>
  <si>
    <t>株式会社創栄工業</t>
  </si>
  <si>
    <t>エリトラ株式会社</t>
  </si>
  <si>
    <t>株式会社飛鳥エンジニアリング</t>
  </si>
  <si>
    <t>株式会社クレアス</t>
  </si>
  <si>
    <t>有限会社山城陸運</t>
  </si>
  <si>
    <t>山正電気工事株式会社</t>
  </si>
  <si>
    <t>株式会社ダイア・スプリング</t>
  </si>
  <si>
    <t>株式会社デジタルクランプ</t>
  </si>
  <si>
    <t>協成電気株式会社</t>
  </si>
  <si>
    <t>株式会社サーベンス</t>
  </si>
  <si>
    <t>有限会社藤田管工</t>
  </si>
  <si>
    <t>株式会社トライアングル</t>
  </si>
  <si>
    <t>株式会社Ｙ’ｓ ｕｐ</t>
  </si>
  <si>
    <t>株式会社ルリアン</t>
  </si>
  <si>
    <t>株式会社塩川興業</t>
  </si>
  <si>
    <t>株式会社　鈴木水産</t>
  </si>
  <si>
    <t>ＳＯＭＰＯひまわり生命保険株式会社 神奈川統括部</t>
  </si>
  <si>
    <t>有限会社プラスエヌ</t>
  </si>
  <si>
    <t>株式会社萬田</t>
  </si>
  <si>
    <t>有限会社サカモトエンジニアリング</t>
  </si>
  <si>
    <t>一般社団法人乳がん予防医学推進協会</t>
  </si>
  <si>
    <t>株式会社アイシン</t>
  </si>
  <si>
    <t>有限会社千田建設</t>
  </si>
  <si>
    <t>杉山産業株式会社</t>
  </si>
  <si>
    <t>株式会社Voleur</t>
  </si>
  <si>
    <t>株式会社グローカルＭＡ</t>
  </si>
  <si>
    <t>相模原市農業協同組合</t>
  </si>
  <si>
    <t>株式会社石森製作所</t>
  </si>
  <si>
    <t>株式会社協栄エンタープライズ</t>
  </si>
  <si>
    <t>ジェイファーマ株式会社</t>
  </si>
  <si>
    <t>株式会社大幸物流</t>
  </si>
  <si>
    <t>有限会社津田製作所</t>
  </si>
  <si>
    <t>株式会社ビー・ネクスト</t>
  </si>
  <si>
    <t>有限会社テスコ</t>
  </si>
  <si>
    <t>株式会社ユナイテッドスタイル</t>
  </si>
  <si>
    <t>ネクスト株式会社</t>
  </si>
  <si>
    <t>有限会社小山綜合企画管理</t>
  </si>
  <si>
    <t>株式会エンベデッドプロ</t>
  </si>
  <si>
    <t>株式会社スリーリングス</t>
  </si>
  <si>
    <t>いずみ野整形外科</t>
  </si>
  <si>
    <t>株式会社　横浜市SDGsオフィス</t>
  </si>
  <si>
    <t>坂本商工株式会社</t>
  </si>
  <si>
    <t>株式会社EYF</t>
  </si>
  <si>
    <t>三徳衡産株式会社</t>
  </si>
  <si>
    <t>株式会社アイポケット</t>
  </si>
  <si>
    <t>株式会社エイケイショウジ</t>
  </si>
  <si>
    <t>株式会社NEXUS</t>
  </si>
  <si>
    <t>株式会社アーステック</t>
  </si>
  <si>
    <t>住宅セレクション株式会社</t>
  </si>
  <si>
    <t>合同会社大野工務店</t>
  </si>
  <si>
    <t>株式会社さくら電気クリエート</t>
  </si>
  <si>
    <t>株式会社ケイ・エス・エス</t>
  </si>
  <si>
    <t>株式会社川崎中央プランナー</t>
  </si>
  <si>
    <t>株式会社Y&amp;IP</t>
  </si>
  <si>
    <t>アルコ電機株式会社</t>
  </si>
  <si>
    <t>株式会社栄門建設</t>
  </si>
  <si>
    <t>株式会社昭和</t>
  </si>
  <si>
    <t>株式会社ALL.C</t>
  </si>
  <si>
    <t>株式会社千葉電業社</t>
  </si>
  <si>
    <t>創和株式会社</t>
  </si>
  <si>
    <t>株式会社玉川設備</t>
  </si>
  <si>
    <t>神奈川県福祉共済協同組合</t>
  </si>
  <si>
    <t>株式会社平松造園</t>
  </si>
  <si>
    <t>株式会社NewValley</t>
  </si>
  <si>
    <t>株式会社NEO FLAG</t>
  </si>
  <si>
    <t>株式会社ラ・パスレル</t>
  </si>
  <si>
    <t>株式会社アクセス・ワン</t>
  </si>
  <si>
    <t>湘南送電工事株式会社</t>
  </si>
  <si>
    <t>株式会社市川電設</t>
  </si>
  <si>
    <t>株式会社シーテック</t>
  </si>
  <si>
    <t>株式会社一ノ瀬建創</t>
  </si>
  <si>
    <t>株式会社TherapiCo</t>
  </si>
  <si>
    <t>株式会社スーブニールコール</t>
  </si>
  <si>
    <t>有限会社ミナト商会</t>
  </si>
  <si>
    <t>株式会社京浜総工</t>
  </si>
  <si>
    <t>有限会社フジテクノ　神奈川営業所</t>
  </si>
  <si>
    <t>株式会社ビット</t>
  </si>
  <si>
    <t>株式会社横浜工業所</t>
  </si>
  <si>
    <t>株式会社コラボ</t>
  </si>
  <si>
    <t>株式会社　倉吉運輸</t>
  </si>
  <si>
    <t>社会保険労務士法人　湘南経営パートナーズ</t>
  </si>
  <si>
    <t>神奈川県信用保証協会</t>
  </si>
  <si>
    <t>税理士法人MBC合同会計</t>
  </si>
  <si>
    <t>社会福祉法人藤沢育成会</t>
  </si>
  <si>
    <t>松尾不動産株式会社</t>
  </si>
  <si>
    <t>神奈川県室内装飾事業協同組合</t>
  </si>
  <si>
    <t>※個別企業の取組内容については、県ホームページをご確認ください。</t>
    <rPh sb="1" eb="3">
      <t>コベツ</t>
    </rPh>
    <rPh sb="3" eb="5">
      <t>キギョウ</t>
    </rPh>
    <rPh sb="6" eb="8">
      <t>トリクミ</t>
    </rPh>
    <rPh sb="8" eb="10">
      <t>ナイヨウ</t>
    </rPh>
    <rPh sb="16" eb="17">
      <t>ケン</t>
    </rPh>
    <rPh sb="25" eb="27">
      <t>カクニン</t>
    </rPh>
    <phoneticPr fontId="1"/>
  </si>
  <si>
    <t>https://www.pref.kanagawa.jp/docs/mv4/cnt/f532715/p1174873.html</t>
    <phoneticPr fontId="1"/>
  </si>
  <si>
    <t>神奈川県公式ホームページ＞「CHO構想推進事業所」一覧</t>
    <rPh sb="0" eb="4">
      <t>カナガワケン</t>
    </rPh>
    <rPh sb="4" eb="6">
      <t>コウシキ</t>
    </rPh>
    <phoneticPr fontId="1"/>
  </si>
  <si>
    <t>ＣＨＯ構想推進事業所一覧（2026年１月７日現在）</t>
    <rPh sb="3" eb="5">
      <t>コウソウ</t>
    </rPh>
    <rPh sb="5" eb="7">
      <t>スイシン</t>
    </rPh>
    <rPh sb="7" eb="10">
      <t>ジギョウショ</t>
    </rPh>
    <rPh sb="10" eb="12">
      <t>イチラン</t>
    </rPh>
    <rPh sb="17" eb="18">
      <t>ネン</t>
    </rPh>
    <rPh sb="19" eb="20">
      <t>ガツ</t>
    </rPh>
    <rPh sb="21" eb="22">
      <t>ニチ</t>
    </rPh>
    <rPh sb="22" eb="24">
      <t>ゲンザイ</t>
    </rPh>
    <phoneticPr fontId="1"/>
  </si>
  <si>
    <t>二宮町</t>
    <phoneticPr fontId="1"/>
  </si>
  <si>
    <t>寒川町</t>
    <phoneticPr fontId="1"/>
  </si>
  <si>
    <t>愛川町</t>
    <phoneticPr fontId="1"/>
  </si>
  <si>
    <t>箱根町</t>
    <phoneticPr fontId="1"/>
  </si>
  <si>
    <t>松田町</t>
    <phoneticPr fontId="1"/>
  </si>
  <si>
    <t>山北町</t>
    <phoneticPr fontId="1"/>
  </si>
  <si>
    <t>葉山町</t>
    <phoneticPr fontId="1"/>
  </si>
  <si>
    <t>開成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1"/>
      <color theme="1"/>
      <name val="Meiryo UI"/>
      <family val="3"/>
      <charset val="128"/>
    </font>
    <font>
      <sz val="11"/>
      <color theme="1"/>
      <name val="Meiryo UI"/>
      <family val="3"/>
      <charset val="128"/>
    </font>
    <font>
      <u/>
      <sz val="12"/>
      <color theme="10"/>
      <name val="ＭＳ 明朝"/>
      <family val="2"/>
      <charset val="128"/>
    </font>
    <font>
      <b/>
      <sz val="14"/>
      <color theme="1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theme="4" tint="0.39997558519241921"/>
      </bottom>
      <diagonal/>
    </border>
  </borders>
  <cellStyleXfs count="2">
    <xf numFmtId="0" fontId="0" fillId="0" borderId="0">
      <alignment vertical="center"/>
    </xf>
    <xf numFmtId="0" fontId="4" fillId="0" borderId="0" applyNumberFormat="0" applyFill="0" applyBorder="0" applyAlignment="0" applyProtection="0">
      <alignment vertical="center"/>
    </xf>
  </cellStyleXfs>
  <cellXfs count="9">
    <xf numFmtId="0" fontId="0" fillId="0" borderId="0" xfId="0">
      <alignment vertical="center"/>
    </xf>
    <xf numFmtId="0" fontId="2" fillId="0" borderId="1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1" xfId="0" applyFont="1" applyFill="1" applyBorder="1">
      <alignment vertical="center"/>
    </xf>
    <xf numFmtId="0" fontId="2" fillId="0" borderId="0" xfId="0" applyFont="1" applyBorder="1">
      <alignment vertical="center"/>
    </xf>
    <xf numFmtId="0" fontId="3" fillId="0" borderId="0" xfId="0" applyFont="1" applyBorder="1">
      <alignment vertical="center"/>
    </xf>
    <xf numFmtId="0" fontId="4" fillId="0" borderId="0" xfId="1">
      <alignment vertical="center"/>
    </xf>
    <xf numFmtId="0" fontId="5" fillId="0" borderId="0" xfId="0" applyFont="1">
      <alignment vertical="center"/>
    </xf>
  </cellXfs>
  <cellStyles count="2">
    <cellStyle name="ハイパーリンク" xfId="1" builtinId="8"/>
    <cellStyle name="標準" xfId="0" builtinId="0"/>
  </cellStyles>
  <dxfs count="5"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Meiryo UI"/>
        <family val="3"/>
        <charset val="128"/>
        <scheme val="none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Meiryo UI"/>
        <family val="3"/>
        <charset val="128"/>
        <scheme val="none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Meiryo UI"/>
        <family val="3"/>
        <charset val="128"/>
        <scheme val="none"/>
      </font>
      <border diagonalUp="0" diagonalDown="0">
        <left/>
        <right/>
        <top/>
        <bottom style="thin">
          <color theme="4" tint="0.39997558519241921"/>
        </bottom>
        <vertical/>
        <horizontal/>
      </border>
    </dxf>
    <dxf>
      <border outline="0">
        <bottom style="thin">
          <color theme="4" tint="0.39997558519241921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Meiryo UI"/>
        <family val="3"/>
        <charset val="128"/>
        <scheme val="none"/>
      </font>
      <fill>
        <patternFill patternType="none">
          <fgColor indexed="64"/>
          <bgColor auto="1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6FBF632-B6DD-4A73-BE0A-07AF1138F9EC}" name="テーブル1" displayName="テーブル1" ref="A2:C837" totalsRowShown="0" headerRowDxfId="4" headerRowBorderDxfId="3">
  <autoFilter ref="A2:C837" xr:uid="{56FBF632-B6DD-4A73-BE0A-07AF1138F9EC}"/>
  <tableColumns count="3">
    <tableColumn id="1" xr3:uid="{96E74382-D3DA-410B-ABC0-C9F1C38A9178}" name="登録番号" dataDxfId="2"/>
    <tableColumn id="2" xr3:uid="{4F7E091B-E515-4C97-87C7-6209B8C6E39B}" name="企業名、団体、事業所名" dataDxfId="1"/>
    <tableColumn id="3" xr3:uid="{DEA5F51B-F7BF-4228-ABE9-D3A4624C8D7C}" name="市町村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www.pref.kanagawa.jp/docs/mv4/cnt/f532715/p1174873.html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5B4068-B214-4C91-B1E3-8F0703D2E29B}">
  <sheetPr>
    <pageSetUpPr fitToPage="1"/>
  </sheetPr>
  <dimension ref="A1:C841"/>
  <sheetViews>
    <sheetView tabSelected="1" view="pageBreakPreview" zoomScale="60" zoomScaleNormal="115" workbookViewId="0"/>
  </sheetViews>
  <sheetFormatPr defaultRowHeight="14.4" x14ac:dyDescent="0.2"/>
  <cols>
    <col min="1" max="1" width="9.59765625" customWidth="1"/>
    <col min="2" max="2" width="91.09765625" bestFit="1" customWidth="1"/>
    <col min="3" max="3" width="16.09765625" bestFit="1" customWidth="1"/>
  </cols>
  <sheetData>
    <row r="1" spans="1:3" ht="18.600000000000001" x14ac:dyDescent="0.2">
      <c r="A1" s="8" t="s">
        <v>860</v>
      </c>
    </row>
    <row r="2" spans="1:3" ht="15" x14ac:dyDescent="0.2">
      <c r="A2" s="4" t="s">
        <v>0</v>
      </c>
      <c r="B2" s="4" t="s">
        <v>1</v>
      </c>
      <c r="C2" s="4" t="s">
        <v>2</v>
      </c>
    </row>
    <row r="3" spans="1:3" ht="15" x14ac:dyDescent="0.2">
      <c r="A3" s="1">
        <v>1</v>
      </c>
      <c r="B3" s="2" t="s">
        <v>3</v>
      </c>
      <c r="C3" s="3" t="s">
        <v>4</v>
      </c>
    </row>
    <row r="4" spans="1:3" ht="15" x14ac:dyDescent="0.2">
      <c r="A4" s="1">
        <v>2</v>
      </c>
      <c r="B4" s="2" t="s">
        <v>5</v>
      </c>
      <c r="C4" s="3" t="s">
        <v>6</v>
      </c>
    </row>
    <row r="5" spans="1:3" ht="15" x14ac:dyDescent="0.2">
      <c r="A5" s="1">
        <v>3</v>
      </c>
      <c r="B5" s="2" t="s">
        <v>7</v>
      </c>
      <c r="C5" s="3" t="s">
        <v>4</v>
      </c>
    </row>
    <row r="6" spans="1:3" ht="15" x14ac:dyDescent="0.2">
      <c r="A6" s="1">
        <v>4</v>
      </c>
      <c r="B6" s="2" t="s">
        <v>8</v>
      </c>
      <c r="C6" s="3" t="s">
        <v>4</v>
      </c>
    </row>
    <row r="7" spans="1:3" ht="15" x14ac:dyDescent="0.2">
      <c r="A7" s="1">
        <v>5</v>
      </c>
      <c r="B7" s="2" t="s">
        <v>9</v>
      </c>
      <c r="C7" s="3" t="s">
        <v>4</v>
      </c>
    </row>
    <row r="8" spans="1:3" ht="15" x14ac:dyDescent="0.2">
      <c r="A8" s="1">
        <v>6</v>
      </c>
      <c r="B8" s="2" t="s">
        <v>10</v>
      </c>
      <c r="C8" s="3" t="s">
        <v>11</v>
      </c>
    </row>
    <row r="9" spans="1:3" ht="15" x14ac:dyDescent="0.2">
      <c r="A9" s="1">
        <v>7</v>
      </c>
      <c r="B9" s="2" t="s">
        <v>12</v>
      </c>
      <c r="C9" s="3" t="s">
        <v>13</v>
      </c>
    </row>
    <row r="10" spans="1:3" ht="15" x14ac:dyDescent="0.2">
      <c r="A10" s="1">
        <v>8</v>
      </c>
      <c r="B10" s="2" t="s">
        <v>14</v>
      </c>
      <c r="C10" s="3" t="s">
        <v>15</v>
      </c>
    </row>
    <row r="11" spans="1:3" ht="15" x14ac:dyDescent="0.2">
      <c r="A11" s="1">
        <v>9</v>
      </c>
      <c r="B11" s="2" t="s">
        <v>16</v>
      </c>
      <c r="C11" s="3" t="s">
        <v>17</v>
      </c>
    </row>
    <row r="12" spans="1:3" ht="15" x14ac:dyDescent="0.2">
      <c r="A12" s="1">
        <v>10</v>
      </c>
      <c r="B12" s="2" t="s">
        <v>18</v>
      </c>
      <c r="C12" s="3" t="s">
        <v>4</v>
      </c>
    </row>
    <row r="13" spans="1:3" ht="15" x14ac:dyDescent="0.2">
      <c r="A13" s="1">
        <v>11</v>
      </c>
      <c r="B13" s="2" t="s">
        <v>19</v>
      </c>
      <c r="C13" s="3" t="s">
        <v>20</v>
      </c>
    </row>
    <row r="14" spans="1:3" ht="15" x14ac:dyDescent="0.2">
      <c r="A14" s="1">
        <v>12</v>
      </c>
      <c r="B14" s="2" t="s">
        <v>21</v>
      </c>
      <c r="C14" s="3" t="s">
        <v>22</v>
      </c>
    </row>
    <row r="15" spans="1:3" ht="15" x14ac:dyDescent="0.2">
      <c r="A15" s="1">
        <v>13</v>
      </c>
      <c r="B15" s="2" t="s">
        <v>23</v>
      </c>
      <c r="C15" s="3" t="s">
        <v>24</v>
      </c>
    </row>
    <row r="16" spans="1:3" ht="15" x14ac:dyDescent="0.2">
      <c r="A16" s="1">
        <v>14</v>
      </c>
      <c r="B16" s="2" t="s">
        <v>25</v>
      </c>
      <c r="C16" s="3" t="s">
        <v>4</v>
      </c>
    </row>
    <row r="17" spans="1:3" ht="15" x14ac:dyDescent="0.2">
      <c r="A17" s="1">
        <v>15</v>
      </c>
      <c r="B17" s="2" t="s">
        <v>26</v>
      </c>
      <c r="C17" s="3" t="s">
        <v>4</v>
      </c>
    </row>
    <row r="18" spans="1:3" ht="15" x14ac:dyDescent="0.2">
      <c r="A18" s="1">
        <v>16</v>
      </c>
      <c r="B18" s="2" t="s">
        <v>27</v>
      </c>
      <c r="C18" s="3" t="s">
        <v>4</v>
      </c>
    </row>
    <row r="19" spans="1:3" ht="15" x14ac:dyDescent="0.2">
      <c r="A19" s="1">
        <v>17</v>
      </c>
      <c r="B19" s="2" t="s">
        <v>28</v>
      </c>
      <c r="C19" s="3" t="s">
        <v>13</v>
      </c>
    </row>
    <row r="20" spans="1:3" ht="15" x14ac:dyDescent="0.2">
      <c r="A20" s="1">
        <v>18</v>
      </c>
      <c r="B20" s="2" t="s">
        <v>29</v>
      </c>
      <c r="C20" s="3" t="s">
        <v>4</v>
      </c>
    </row>
    <row r="21" spans="1:3" ht="15" x14ac:dyDescent="0.2">
      <c r="A21" s="1">
        <v>19</v>
      </c>
      <c r="B21" s="2" t="s">
        <v>30</v>
      </c>
      <c r="C21" s="3" t="s">
        <v>20</v>
      </c>
    </row>
    <row r="22" spans="1:3" ht="15" x14ac:dyDescent="0.2">
      <c r="A22" s="1">
        <v>20</v>
      </c>
      <c r="B22" s="2" t="s">
        <v>31</v>
      </c>
      <c r="C22" s="3" t="s">
        <v>4</v>
      </c>
    </row>
    <row r="23" spans="1:3" ht="15" x14ac:dyDescent="0.2">
      <c r="A23" s="1">
        <v>21</v>
      </c>
      <c r="B23" s="2" t="s">
        <v>32</v>
      </c>
      <c r="C23" s="3" t="s">
        <v>22</v>
      </c>
    </row>
    <row r="24" spans="1:3" ht="15" x14ac:dyDescent="0.2">
      <c r="A24" s="1">
        <v>22</v>
      </c>
      <c r="B24" s="2" t="s">
        <v>33</v>
      </c>
      <c r="C24" s="3" t="s">
        <v>22</v>
      </c>
    </row>
    <row r="25" spans="1:3" ht="15" x14ac:dyDescent="0.2">
      <c r="A25" s="1">
        <v>23</v>
      </c>
      <c r="B25" s="2" t="s">
        <v>34</v>
      </c>
      <c r="C25" s="3" t="s">
        <v>22</v>
      </c>
    </row>
    <row r="26" spans="1:3" ht="15" x14ac:dyDescent="0.2">
      <c r="A26" s="1">
        <v>24</v>
      </c>
      <c r="B26" s="2" t="s">
        <v>35</v>
      </c>
      <c r="C26" s="3" t="s">
        <v>22</v>
      </c>
    </row>
    <row r="27" spans="1:3" ht="15" x14ac:dyDescent="0.2">
      <c r="A27" s="1">
        <v>25</v>
      </c>
      <c r="B27" s="2" t="s">
        <v>36</v>
      </c>
      <c r="C27" s="3" t="s">
        <v>22</v>
      </c>
    </row>
    <row r="28" spans="1:3" ht="15" x14ac:dyDescent="0.2">
      <c r="A28" s="1">
        <v>26</v>
      </c>
      <c r="B28" s="2" t="s">
        <v>37</v>
      </c>
      <c r="C28" s="3" t="s">
        <v>22</v>
      </c>
    </row>
    <row r="29" spans="1:3" ht="15" x14ac:dyDescent="0.2">
      <c r="A29" s="1">
        <v>27</v>
      </c>
      <c r="B29" s="2" t="s">
        <v>38</v>
      </c>
      <c r="C29" s="3" t="s">
        <v>22</v>
      </c>
    </row>
    <row r="30" spans="1:3" ht="15" x14ac:dyDescent="0.2">
      <c r="A30" s="1">
        <v>28</v>
      </c>
      <c r="B30" s="2" t="s">
        <v>39</v>
      </c>
      <c r="C30" s="3" t="s">
        <v>22</v>
      </c>
    </row>
    <row r="31" spans="1:3" ht="15" x14ac:dyDescent="0.2">
      <c r="A31" s="1">
        <v>29</v>
      </c>
      <c r="B31" s="2" t="s">
        <v>40</v>
      </c>
      <c r="C31" s="3" t="s">
        <v>22</v>
      </c>
    </row>
    <row r="32" spans="1:3" ht="15" x14ac:dyDescent="0.2">
      <c r="A32" s="1">
        <v>30</v>
      </c>
      <c r="B32" s="2" t="s">
        <v>41</v>
      </c>
      <c r="C32" s="3" t="s">
        <v>22</v>
      </c>
    </row>
    <row r="33" spans="1:3" ht="15" x14ac:dyDescent="0.2">
      <c r="A33" s="1">
        <v>31</v>
      </c>
      <c r="B33" s="2" t="s">
        <v>42</v>
      </c>
      <c r="C33" s="3" t="s">
        <v>22</v>
      </c>
    </row>
    <row r="34" spans="1:3" ht="15" x14ac:dyDescent="0.2">
      <c r="A34" s="1">
        <v>32</v>
      </c>
      <c r="B34" s="2" t="s">
        <v>43</v>
      </c>
      <c r="C34" s="3" t="s">
        <v>22</v>
      </c>
    </row>
    <row r="35" spans="1:3" ht="15" x14ac:dyDescent="0.2">
      <c r="A35" s="1">
        <v>33</v>
      </c>
      <c r="B35" s="2" t="s">
        <v>44</v>
      </c>
      <c r="C35" s="3" t="s">
        <v>22</v>
      </c>
    </row>
    <row r="36" spans="1:3" ht="15" x14ac:dyDescent="0.2">
      <c r="A36" s="1">
        <v>34</v>
      </c>
      <c r="B36" s="2" t="s">
        <v>45</v>
      </c>
      <c r="C36" s="3" t="s">
        <v>11</v>
      </c>
    </row>
    <row r="37" spans="1:3" ht="15" x14ac:dyDescent="0.2">
      <c r="A37" s="1">
        <v>35</v>
      </c>
      <c r="B37" s="2" t="s">
        <v>46</v>
      </c>
      <c r="C37" s="3" t="s">
        <v>47</v>
      </c>
    </row>
    <row r="38" spans="1:3" ht="15" x14ac:dyDescent="0.2">
      <c r="A38" s="1">
        <v>36</v>
      </c>
      <c r="B38" s="2" t="s">
        <v>48</v>
      </c>
      <c r="C38" s="3" t="s">
        <v>47</v>
      </c>
    </row>
    <row r="39" spans="1:3" ht="15" x14ac:dyDescent="0.2">
      <c r="A39" s="1">
        <v>37</v>
      </c>
      <c r="B39" s="2" t="s">
        <v>49</v>
      </c>
      <c r="C39" s="3" t="s">
        <v>24</v>
      </c>
    </row>
    <row r="40" spans="1:3" ht="15" x14ac:dyDescent="0.2">
      <c r="A40" s="1">
        <v>38</v>
      </c>
      <c r="B40" s="2" t="s">
        <v>50</v>
      </c>
      <c r="C40" s="3" t="s">
        <v>51</v>
      </c>
    </row>
    <row r="41" spans="1:3" ht="15" x14ac:dyDescent="0.2">
      <c r="A41" s="1">
        <v>39</v>
      </c>
      <c r="B41" s="2" t="s">
        <v>52</v>
      </c>
      <c r="C41" s="3" t="s">
        <v>24</v>
      </c>
    </row>
    <row r="42" spans="1:3" ht="15" x14ac:dyDescent="0.2">
      <c r="A42" s="1">
        <v>40</v>
      </c>
      <c r="B42" s="2" t="s">
        <v>53</v>
      </c>
      <c r="C42" s="3" t="s">
        <v>54</v>
      </c>
    </row>
    <row r="43" spans="1:3" ht="15" x14ac:dyDescent="0.2">
      <c r="A43" s="1">
        <v>41</v>
      </c>
      <c r="B43" s="2" t="s">
        <v>55</v>
      </c>
      <c r="C43" s="3" t="s">
        <v>24</v>
      </c>
    </row>
    <row r="44" spans="1:3" ht="15" x14ac:dyDescent="0.2">
      <c r="A44" s="1">
        <v>42</v>
      </c>
      <c r="B44" s="2" t="s">
        <v>56</v>
      </c>
      <c r="C44" s="3" t="s">
        <v>47</v>
      </c>
    </row>
    <row r="45" spans="1:3" ht="15" x14ac:dyDescent="0.2">
      <c r="A45" s="1">
        <v>43</v>
      </c>
      <c r="B45" s="2" t="s">
        <v>57</v>
      </c>
      <c r="C45" s="3" t="s">
        <v>24</v>
      </c>
    </row>
    <row r="46" spans="1:3" ht="15" x14ac:dyDescent="0.2">
      <c r="A46" s="1">
        <v>44</v>
      </c>
      <c r="B46" s="2" t="s">
        <v>58</v>
      </c>
      <c r="C46" s="3" t="s">
        <v>24</v>
      </c>
    </row>
    <row r="47" spans="1:3" ht="15" x14ac:dyDescent="0.2">
      <c r="A47" s="1">
        <v>45</v>
      </c>
      <c r="B47" s="2" t="s">
        <v>59</v>
      </c>
      <c r="C47" s="3" t="s">
        <v>24</v>
      </c>
    </row>
    <row r="48" spans="1:3" ht="15" x14ac:dyDescent="0.2">
      <c r="A48" s="1">
        <v>46</v>
      </c>
      <c r="B48" s="2" t="s">
        <v>60</v>
      </c>
      <c r="C48" s="3" t="s">
        <v>4</v>
      </c>
    </row>
    <row r="49" spans="1:3" ht="15" x14ac:dyDescent="0.2">
      <c r="A49" s="1">
        <v>47</v>
      </c>
      <c r="B49" s="2" t="s">
        <v>61</v>
      </c>
      <c r="C49" s="3" t="s">
        <v>4</v>
      </c>
    </row>
    <row r="50" spans="1:3" ht="15" x14ac:dyDescent="0.2">
      <c r="A50" s="1">
        <v>48</v>
      </c>
      <c r="B50" s="2" t="s">
        <v>62</v>
      </c>
      <c r="C50" s="3" t="s">
        <v>4</v>
      </c>
    </row>
    <row r="51" spans="1:3" ht="15" x14ac:dyDescent="0.2">
      <c r="A51" s="1">
        <v>49</v>
      </c>
      <c r="B51" s="2" t="s">
        <v>63</v>
      </c>
      <c r="C51" s="3" t="s">
        <v>4</v>
      </c>
    </row>
    <row r="52" spans="1:3" ht="15" x14ac:dyDescent="0.2">
      <c r="A52" s="1">
        <v>50</v>
      </c>
      <c r="B52" s="2" t="s">
        <v>64</v>
      </c>
      <c r="C52" s="3" t="s">
        <v>4</v>
      </c>
    </row>
    <row r="53" spans="1:3" ht="15" x14ac:dyDescent="0.2">
      <c r="A53" s="1">
        <v>51</v>
      </c>
      <c r="B53" s="2" t="s">
        <v>65</v>
      </c>
      <c r="C53" s="3" t="s">
        <v>4</v>
      </c>
    </row>
    <row r="54" spans="1:3" ht="15" x14ac:dyDescent="0.2">
      <c r="A54" s="1">
        <v>52</v>
      </c>
      <c r="B54" s="2" t="s">
        <v>66</v>
      </c>
      <c r="C54" s="3" t="s">
        <v>4</v>
      </c>
    </row>
    <row r="55" spans="1:3" ht="15" x14ac:dyDescent="0.2">
      <c r="A55" s="1">
        <v>53</v>
      </c>
      <c r="B55" s="2" t="s">
        <v>67</v>
      </c>
      <c r="C55" s="3" t="s">
        <v>4</v>
      </c>
    </row>
    <row r="56" spans="1:3" ht="15" x14ac:dyDescent="0.2">
      <c r="A56" s="1">
        <v>54</v>
      </c>
      <c r="B56" s="2" t="s">
        <v>68</v>
      </c>
      <c r="C56" s="3" t="s">
        <v>4</v>
      </c>
    </row>
    <row r="57" spans="1:3" ht="15" x14ac:dyDescent="0.2">
      <c r="A57" s="1">
        <v>55</v>
      </c>
      <c r="B57" s="2" t="s">
        <v>69</v>
      </c>
      <c r="C57" s="3" t="s">
        <v>4</v>
      </c>
    </row>
    <row r="58" spans="1:3" ht="15" x14ac:dyDescent="0.2">
      <c r="A58" s="1">
        <v>56</v>
      </c>
      <c r="B58" s="2" t="s">
        <v>70</v>
      </c>
      <c r="C58" s="3" t="s">
        <v>4</v>
      </c>
    </row>
    <row r="59" spans="1:3" ht="15" x14ac:dyDescent="0.2">
      <c r="A59" s="1">
        <v>57</v>
      </c>
      <c r="B59" s="2" t="s">
        <v>71</v>
      </c>
      <c r="C59" s="3" t="s">
        <v>4</v>
      </c>
    </row>
    <row r="60" spans="1:3" ht="15" x14ac:dyDescent="0.2">
      <c r="A60" s="1">
        <v>58</v>
      </c>
      <c r="B60" s="2" t="s">
        <v>72</v>
      </c>
      <c r="C60" s="3" t="s">
        <v>4</v>
      </c>
    </row>
    <row r="61" spans="1:3" ht="15" x14ac:dyDescent="0.2">
      <c r="A61" s="1">
        <v>59</v>
      </c>
      <c r="B61" s="2" t="s">
        <v>73</v>
      </c>
      <c r="C61" s="3" t="s">
        <v>4</v>
      </c>
    </row>
    <row r="62" spans="1:3" ht="15" x14ac:dyDescent="0.2">
      <c r="A62" s="1">
        <v>60</v>
      </c>
      <c r="B62" s="2" t="s">
        <v>74</v>
      </c>
      <c r="C62" s="3" t="s">
        <v>4</v>
      </c>
    </row>
    <row r="63" spans="1:3" ht="15" x14ac:dyDescent="0.2">
      <c r="A63" s="1">
        <v>61</v>
      </c>
      <c r="B63" s="2" t="s">
        <v>75</v>
      </c>
      <c r="C63" s="3" t="s">
        <v>4</v>
      </c>
    </row>
    <row r="64" spans="1:3" ht="15" x14ac:dyDescent="0.2">
      <c r="A64" s="1">
        <v>62</v>
      </c>
      <c r="B64" s="2" t="s">
        <v>76</v>
      </c>
      <c r="C64" s="3" t="s">
        <v>4</v>
      </c>
    </row>
    <row r="65" spans="1:3" ht="15" x14ac:dyDescent="0.2">
      <c r="A65" s="1">
        <v>63</v>
      </c>
      <c r="B65" s="2" t="s">
        <v>77</v>
      </c>
      <c r="C65" s="3" t="s">
        <v>4</v>
      </c>
    </row>
    <row r="66" spans="1:3" ht="15" x14ac:dyDescent="0.2">
      <c r="A66" s="1">
        <v>64</v>
      </c>
      <c r="B66" s="2" t="s">
        <v>78</v>
      </c>
      <c r="C66" s="3" t="s">
        <v>4</v>
      </c>
    </row>
    <row r="67" spans="1:3" ht="15" x14ac:dyDescent="0.2">
      <c r="A67" s="1">
        <v>65</v>
      </c>
      <c r="B67" s="2" t="s">
        <v>79</v>
      </c>
      <c r="C67" s="3" t="s">
        <v>4</v>
      </c>
    </row>
    <row r="68" spans="1:3" ht="15" x14ac:dyDescent="0.2">
      <c r="A68" s="1">
        <v>66</v>
      </c>
      <c r="B68" s="2" t="s">
        <v>80</v>
      </c>
      <c r="C68" s="3" t="s">
        <v>6</v>
      </c>
    </row>
    <row r="69" spans="1:3" ht="15" x14ac:dyDescent="0.2">
      <c r="A69" s="1">
        <v>67</v>
      </c>
      <c r="B69" s="2" t="s">
        <v>81</v>
      </c>
      <c r="C69" s="3" t="s">
        <v>82</v>
      </c>
    </row>
    <row r="70" spans="1:3" ht="15" x14ac:dyDescent="0.2">
      <c r="A70" s="1">
        <v>68</v>
      </c>
      <c r="B70" s="2" t="s">
        <v>83</v>
      </c>
      <c r="C70" s="3" t="s">
        <v>82</v>
      </c>
    </row>
    <row r="71" spans="1:3" ht="15" x14ac:dyDescent="0.2">
      <c r="A71" s="1">
        <v>69</v>
      </c>
      <c r="B71" s="2" t="s">
        <v>84</v>
      </c>
      <c r="C71" s="3" t="s">
        <v>82</v>
      </c>
    </row>
    <row r="72" spans="1:3" ht="15" x14ac:dyDescent="0.2">
      <c r="A72" s="1">
        <v>70</v>
      </c>
      <c r="B72" s="2" t="s">
        <v>85</v>
      </c>
      <c r="C72" s="3" t="s">
        <v>82</v>
      </c>
    </row>
    <row r="73" spans="1:3" ht="15" x14ac:dyDescent="0.2">
      <c r="A73" s="1">
        <v>71</v>
      </c>
      <c r="B73" s="2" t="s">
        <v>86</v>
      </c>
      <c r="C73" s="3" t="s">
        <v>82</v>
      </c>
    </row>
    <row r="74" spans="1:3" ht="15" x14ac:dyDescent="0.2">
      <c r="A74" s="1">
        <v>72</v>
      </c>
      <c r="B74" s="2" t="s">
        <v>87</v>
      </c>
      <c r="C74" s="3" t="s">
        <v>82</v>
      </c>
    </row>
    <row r="75" spans="1:3" ht="15" x14ac:dyDescent="0.2">
      <c r="A75" s="1">
        <v>73</v>
      </c>
      <c r="B75" s="2" t="s">
        <v>88</v>
      </c>
      <c r="C75" s="3" t="s">
        <v>82</v>
      </c>
    </row>
    <row r="76" spans="1:3" ht="15" x14ac:dyDescent="0.2">
      <c r="A76" s="1">
        <v>74</v>
      </c>
      <c r="B76" s="2" t="s">
        <v>89</v>
      </c>
      <c r="C76" s="3" t="s">
        <v>4</v>
      </c>
    </row>
    <row r="77" spans="1:3" ht="15" x14ac:dyDescent="0.2">
      <c r="A77" s="1">
        <v>75</v>
      </c>
      <c r="B77" s="2" t="s">
        <v>90</v>
      </c>
      <c r="C77" s="3" t="s">
        <v>4</v>
      </c>
    </row>
    <row r="78" spans="1:3" ht="15" x14ac:dyDescent="0.2">
      <c r="A78" s="1">
        <v>76</v>
      </c>
      <c r="B78" s="2" t="s">
        <v>91</v>
      </c>
      <c r="C78" s="3" t="s">
        <v>4</v>
      </c>
    </row>
    <row r="79" spans="1:3" ht="15" x14ac:dyDescent="0.2">
      <c r="A79" s="1">
        <v>77</v>
      </c>
      <c r="B79" s="2" t="s">
        <v>92</v>
      </c>
      <c r="C79" s="3" t="s">
        <v>4</v>
      </c>
    </row>
    <row r="80" spans="1:3" ht="15" x14ac:dyDescent="0.2">
      <c r="A80" s="1">
        <v>78</v>
      </c>
      <c r="B80" s="2" t="s">
        <v>93</v>
      </c>
      <c r="C80" s="3" t="s">
        <v>4</v>
      </c>
    </row>
    <row r="81" spans="1:3" ht="15" x14ac:dyDescent="0.2">
      <c r="A81" s="1">
        <v>79</v>
      </c>
      <c r="B81" s="2" t="s">
        <v>94</v>
      </c>
      <c r="C81" s="3" t="s">
        <v>4</v>
      </c>
    </row>
    <row r="82" spans="1:3" ht="15" x14ac:dyDescent="0.2">
      <c r="A82" s="1">
        <v>80</v>
      </c>
      <c r="B82" s="2" t="s">
        <v>95</v>
      </c>
      <c r="C82" s="3" t="s">
        <v>4</v>
      </c>
    </row>
    <row r="83" spans="1:3" ht="15" x14ac:dyDescent="0.2">
      <c r="A83" s="1">
        <v>81</v>
      </c>
      <c r="B83" s="2" t="s">
        <v>96</v>
      </c>
      <c r="C83" s="3" t="s">
        <v>4</v>
      </c>
    </row>
    <row r="84" spans="1:3" ht="15" x14ac:dyDescent="0.2">
      <c r="A84" s="1">
        <v>82</v>
      </c>
      <c r="B84" s="2" t="s">
        <v>97</v>
      </c>
      <c r="C84" s="3" t="s">
        <v>4</v>
      </c>
    </row>
    <row r="85" spans="1:3" ht="15" x14ac:dyDescent="0.2">
      <c r="A85" s="1">
        <v>83</v>
      </c>
      <c r="B85" s="2" t="s">
        <v>98</v>
      </c>
      <c r="C85" s="3" t="s">
        <v>4</v>
      </c>
    </row>
    <row r="86" spans="1:3" ht="15" x14ac:dyDescent="0.2">
      <c r="A86" s="1">
        <v>84</v>
      </c>
      <c r="B86" s="2" t="s">
        <v>99</v>
      </c>
      <c r="C86" s="3" t="s">
        <v>4</v>
      </c>
    </row>
    <row r="87" spans="1:3" ht="15" x14ac:dyDescent="0.2">
      <c r="A87" s="1">
        <v>85</v>
      </c>
      <c r="B87" s="2" t="s">
        <v>100</v>
      </c>
      <c r="C87" s="3" t="s">
        <v>4</v>
      </c>
    </row>
    <row r="88" spans="1:3" ht="15" x14ac:dyDescent="0.2">
      <c r="A88" s="1">
        <v>86</v>
      </c>
      <c r="B88" s="2" t="s">
        <v>101</v>
      </c>
      <c r="C88" s="3" t="s">
        <v>4</v>
      </c>
    </row>
    <row r="89" spans="1:3" ht="15" x14ac:dyDescent="0.2">
      <c r="A89" s="1">
        <v>87</v>
      </c>
      <c r="B89" s="2" t="s">
        <v>102</v>
      </c>
      <c r="C89" s="3" t="s">
        <v>4</v>
      </c>
    </row>
    <row r="90" spans="1:3" ht="15" x14ac:dyDescent="0.2">
      <c r="A90" s="1">
        <v>88</v>
      </c>
      <c r="B90" s="2" t="s">
        <v>103</v>
      </c>
      <c r="C90" s="3" t="s">
        <v>4</v>
      </c>
    </row>
    <row r="91" spans="1:3" ht="15" x14ac:dyDescent="0.2">
      <c r="A91" s="1">
        <v>89</v>
      </c>
      <c r="B91" s="2" t="s">
        <v>104</v>
      </c>
      <c r="C91" s="3" t="s">
        <v>4</v>
      </c>
    </row>
    <row r="92" spans="1:3" ht="15" x14ac:dyDescent="0.2">
      <c r="A92" s="1">
        <v>90</v>
      </c>
      <c r="B92" s="2" t="s">
        <v>105</v>
      </c>
      <c r="C92" s="3" t="s">
        <v>4</v>
      </c>
    </row>
    <row r="93" spans="1:3" ht="15" x14ac:dyDescent="0.2">
      <c r="A93" s="1">
        <v>91</v>
      </c>
      <c r="B93" s="2" t="s">
        <v>106</v>
      </c>
      <c r="C93" s="3" t="s">
        <v>4</v>
      </c>
    </row>
    <row r="94" spans="1:3" ht="15" x14ac:dyDescent="0.2">
      <c r="A94" s="1">
        <v>92</v>
      </c>
      <c r="B94" s="2" t="s">
        <v>107</v>
      </c>
      <c r="C94" s="3" t="s">
        <v>4</v>
      </c>
    </row>
    <row r="95" spans="1:3" ht="15" x14ac:dyDescent="0.2">
      <c r="A95" s="1">
        <v>93</v>
      </c>
      <c r="B95" s="2" t="s">
        <v>108</v>
      </c>
      <c r="C95" s="3" t="s">
        <v>4</v>
      </c>
    </row>
    <row r="96" spans="1:3" ht="15" x14ac:dyDescent="0.2">
      <c r="A96" s="1">
        <v>94</v>
      </c>
      <c r="B96" s="2" t="s">
        <v>109</v>
      </c>
      <c r="C96" s="3" t="s">
        <v>4</v>
      </c>
    </row>
    <row r="97" spans="1:3" ht="15" x14ac:dyDescent="0.2">
      <c r="A97" s="1">
        <v>95</v>
      </c>
      <c r="B97" s="2" t="s">
        <v>110</v>
      </c>
      <c r="C97" s="3" t="s">
        <v>4</v>
      </c>
    </row>
    <row r="98" spans="1:3" ht="15" x14ac:dyDescent="0.2">
      <c r="A98" s="1">
        <v>96</v>
      </c>
      <c r="B98" s="2" t="s">
        <v>111</v>
      </c>
      <c r="C98" s="3" t="s">
        <v>4</v>
      </c>
    </row>
    <row r="99" spans="1:3" ht="15" x14ac:dyDescent="0.2">
      <c r="A99" s="1">
        <v>97</v>
      </c>
      <c r="B99" s="2" t="s">
        <v>112</v>
      </c>
      <c r="C99" s="3" t="s">
        <v>113</v>
      </c>
    </row>
    <row r="100" spans="1:3" ht="15" x14ac:dyDescent="0.2">
      <c r="A100" s="1">
        <v>98</v>
      </c>
      <c r="B100" s="2" t="s">
        <v>114</v>
      </c>
      <c r="C100" s="3" t="s">
        <v>4</v>
      </c>
    </row>
    <row r="101" spans="1:3" ht="15" x14ac:dyDescent="0.2">
      <c r="A101" s="1">
        <v>99</v>
      </c>
      <c r="B101" s="2" t="s">
        <v>115</v>
      </c>
      <c r="C101" s="3" t="s">
        <v>4</v>
      </c>
    </row>
    <row r="102" spans="1:3" ht="15" x14ac:dyDescent="0.2">
      <c r="A102" s="1">
        <v>100</v>
      </c>
      <c r="B102" s="2" t="s">
        <v>116</v>
      </c>
      <c r="C102" s="3" t="s">
        <v>4</v>
      </c>
    </row>
    <row r="103" spans="1:3" ht="15" x14ac:dyDescent="0.2">
      <c r="A103" s="1">
        <v>101</v>
      </c>
      <c r="B103" s="2" t="s">
        <v>117</v>
      </c>
      <c r="C103" s="3" t="s">
        <v>4</v>
      </c>
    </row>
    <row r="104" spans="1:3" ht="15" x14ac:dyDescent="0.2">
      <c r="A104" s="1">
        <v>102</v>
      </c>
      <c r="B104" s="2" t="s">
        <v>118</v>
      </c>
      <c r="C104" s="3" t="s">
        <v>119</v>
      </c>
    </row>
    <row r="105" spans="1:3" ht="15" x14ac:dyDescent="0.2">
      <c r="A105" s="1">
        <v>103</v>
      </c>
      <c r="B105" s="2" t="s">
        <v>120</v>
      </c>
      <c r="C105" s="3" t="s">
        <v>20</v>
      </c>
    </row>
    <row r="106" spans="1:3" ht="15" x14ac:dyDescent="0.2">
      <c r="A106" s="1">
        <v>104</v>
      </c>
      <c r="B106" s="2" t="s">
        <v>121</v>
      </c>
      <c r="C106" s="3" t="s">
        <v>4</v>
      </c>
    </row>
    <row r="107" spans="1:3" ht="15" x14ac:dyDescent="0.2">
      <c r="A107" s="1">
        <v>105</v>
      </c>
      <c r="B107" s="2" t="s">
        <v>122</v>
      </c>
      <c r="C107" s="3" t="s">
        <v>20</v>
      </c>
    </row>
    <row r="108" spans="1:3" ht="15" x14ac:dyDescent="0.2">
      <c r="A108" s="1">
        <v>106</v>
      </c>
      <c r="B108" s="2" t="s">
        <v>123</v>
      </c>
      <c r="C108" s="3" t="s">
        <v>113</v>
      </c>
    </row>
    <row r="109" spans="1:3" ht="15" x14ac:dyDescent="0.2">
      <c r="A109" s="1">
        <v>107</v>
      </c>
      <c r="B109" s="2" t="s">
        <v>124</v>
      </c>
      <c r="C109" s="3" t="s">
        <v>20</v>
      </c>
    </row>
    <row r="110" spans="1:3" ht="15" x14ac:dyDescent="0.2">
      <c r="A110" s="1">
        <v>108</v>
      </c>
      <c r="B110" s="2" t="s">
        <v>125</v>
      </c>
      <c r="C110" s="3" t="s">
        <v>24</v>
      </c>
    </row>
    <row r="111" spans="1:3" ht="15" x14ac:dyDescent="0.2">
      <c r="A111" s="1">
        <v>109</v>
      </c>
      <c r="B111" s="2" t="s">
        <v>126</v>
      </c>
      <c r="C111" s="3" t="s">
        <v>4</v>
      </c>
    </row>
    <row r="112" spans="1:3" ht="15" x14ac:dyDescent="0.2">
      <c r="A112" s="1">
        <v>110</v>
      </c>
      <c r="B112" s="2" t="s">
        <v>127</v>
      </c>
      <c r="C112" s="3" t="s">
        <v>4</v>
      </c>
    </row>
    <row r="113" spans="1:3" ht="15" x14ac:dyDescent="0.2">
      <c r="A113" s="1">
        <v>111</v>
      </c>
      <c r="B113" s="2" t="s">
        <v>128</v>
      </c>
      <c r="C113" s="3" t="s">
        <v>4</v>
      </c>
    </row>
    <row r="114" spans="1:3" ht="15" x14ac:dyDescent="0.2">
      <c r="A114" s="1">
        <v>112</v>
      </c>
      <c r="B114" s="2" t="s">
        <v>129</v>
      </c>
      <c r="C114" s="3" t="s">
        <v>15</v>
      </c>
    </row>
    <row r="115" spans="1:3" ht="15" x14ac:dyDescent="0.2">
      <c r="A115" s="1">
        <v>113</v>
      </c>
      <c r="B115" s="2" t="s">
        <v>130</v>
      </c>
      <c r="C115" s="3" t="s">
        <v>4</v>
      </c>
    </row>
    <row r="116" spans="1:3" ht="15" x14ac:dyDescent="0.2">
      <c r="A116" s="1">
        <v>114</v>
      </c>
      <c r="B116" s="2" t="s">
        <v>131</v>
      </c>
      <c r="C116" s="3" t="s">
        <v>20</v>
      </c>
    </row>
    <row r="117" spans="1:3" ht="15" x14ac:dyDescent="0.2">
      <c r="A117" s="1">
        <v>115</v>
      </c>
      <c r="B117" s="2" t="s">
        <v>132</v>
      </c>
      <c r="C117" s="3" t="s">
        <v>22</v>
      </c>
    </row>
    <row r="118" spans="1:3" ht="15" x14ac:dyDescent="0.2">
      <c r="A118" s="1">
        <v>117</v>
      </c>
      <c r="B118" s="2" t="s">
        <v>133</v>
      </c>
      <c r="C118" s="3" t="s">
        <v>20</v>
      </c>
    </row>
    <row r="119" spans="1:3" ht="15" x14ac:dyDescent="0.2">
      <c r="A119" s="1">
        <v>118</v>
      </c>
      <c r="B119" s="2" t="s">
        <v>134</v>
      </c>
      <c r="C119" s="3" t="s">
        <v>4</v>
      </c>
    </row>
    <row r="120" spans="1:3" ht="15" x14ac:dyDescent="0.2">
      <c r="A120" s="1">
        <v>119</v>
      </c>
      <c r="B120" s="2" t="s">
        <v>135</v>
      </c>
      <c r="C120" s="3" t="s">
        <v>22</v>
      </c>
    </row>
    <row r="121" spans="1:3" ht="15" x14ac:dyDescent="0.2">
      <c r="A121" s="1">
        <v>120</v>
      </c>
      <c r="B121" s="2" t="s">
        <v>136</v>
      </c>
      <c r="C121" s="3" t="s">
        <v>24</v>
      </c>
    </row>
    <row r="122" spans="1:3" ht="15" x14ac:dyDescent="0.2">
      <c r="A122" s="1">
        <v>121</v>
      </c>
      <c r="B122" s="2" t="s">
        <v>137</v>
      </c>
      <c r="C122" s="3" t="s">
        <v>138</v>
      </c>
    </row>
    <row r="123" spans="1:3" ht="15" x14ac:dyDescent="0.2">
      <c r="A123" s="1">
        <v>122</v>
      </c>
      <c r="B123" s="2" t="s">
        <v>139</v>
      </c>
      <c r="C123" s="3" t="s">
        <v>140</v>
      </c>
    </row>
    <row r="124" spans="1:3" ht="15" x14ac:dyDescent="0.2">
      <c r="A124" s="1">
        <v>123</v>
      </c>
      <c r="B124" s="2" t="s">
        <v>141</v>
      </c>
      <c r="C124" s="3" t="s">
        <v>15</v>
      </c>
    </row>
    <row r="125" spans="1:3" ht="15" x14ac:dyDescent="0.2">
      <c r="A125" s="1">
        <v>124</v>
      </c>
      <c r="B125" s="2" t="s">
        <v>142</v>
      </c>
      <c r="C125" s="3" t="s">
        <v>51</v>
      </c>
    </row>
    <row r="126" spans="1:3" ht="15" x14ac:dyDescent="0.2">
      <c r="A126" s="1">
        <v>125</v>
      </c>
      <c r="B126" s="2" t="s">
        <v>143</v>
      </c>
      <c r="C126" s="3" t="s">
        <v>51</v>
      </c>
    </row>
    <row r="127" spans="1:3" ht="15" x14ac:dyDescent="0.2">
      <c r="A127" s="1">
        <v>126</v>
      </c>
      <c r="B127" s="2" t="s">
        <v>144</v>
      </c>
      <c r="C127" s="3" t="s">
        <v>82</v>
      </c>
    </row>
    <row r="128" spans="1:3" ht="15" x14ac:dyDescent="0.2">
      <c r="A128" s="1">
        <v>127</v>
      </c>
      <c r="B128" s="2" t="s">
        <v>145</v>
      </c>
      <c r="C128" s="3" t="s">
        <v>4</v>
      </c>
    </row>
    <row r="129" spans="1:3" ht="15" x14ac:dyDescent="0.2">
      <c r="A129" s="1">
        <v>128</v>
      </c>
      <c r="B129" s="2" t="s">
        <v>146</v>
      </c>
      <c r="C129" s="3" t="s">
        <v>4</v>
      </c>
    </row>
    <row r="130" spans="1:3" ht="15" x14ac:dyDescent="0.2">
      <c r="A130" s="1">
        <v>129</v>
      </c>
      <c r="B130" s="2" t="s">
        <v>147</v>
      </c>
      <c r="C130" s="3" t="s">
        <v>4</v>
      </c>
    </row>
    <row r="131" spans="1:3" ht="15" x14ac:dyDescent="0.2">
      <c r="A131" s="1">
        <v>131</v>
      </c>
      <c r="B131" s="2" t="s">
        <v>148</v>
      </c>
      <c r="C131" s="3" t="s">
        <v>4</v>
      </c>
    </row>
    <row r="132" spans="1:3" ht="15" x14ac:dyDescent="0.2">
      <c r="A132" s="1">
        <v>133</v>
      </c>
      <c r="B132" s="2" t="s">
        <v>149</v>
      </c>
      <c r="C132" s="3" t="s">
        <v>4</v>
      </c>
    </row>
    <row r="133" spans="1:3" ht="15" x14ac:dyDescent="0.2">
      <c r="A133" s="1">
        <v>134</v>
      </c>
      <c r="B133" s="2" t="s">
        <v>28</v>
      </c>
      <c r="C133" s="3" t="s">
        <v>13</v>
      </c>
    </row>
    <row r="134" spans="1:3" ht="15" x14ac:dyDescent="0.2">
      <c r="A134" s="1">
        <v>135</v>
      </c>
      <c r="B134" s="2" t="s">
        <v>150</v>
      </c>
      <c r="C134" s="3" t="s">
        <v>4</v>
      </c>
    </row>
    <row r="135" spans="1:3" ht="15" x14ac:dyDescent="0.2">
      <c r="A135" s="1">
        <v>136</v>
      </c>
      <c r="B135" s="2" t="s">
        <v>30</v>
      </c>
      <c r="C135" s="3" t="s">
        <v>20</v>
      </c>
    </row>
    <row r="136" spans="1:3" ht="15" x14ac:dyDescent="0.2">
      <c r="A136" s="1">
        <v>137</v>
      </c>
      <c r="B136" s="2" t="s">
        <v>151</v>
      </c>
      <c r="C136" s="3" t="s">
        <v>24</v>
      </c>
    </row>
    <row r="137" spans="1:3" ht="15" x14ac:dyDescent="0.2">
      <c r="A137" s="1">
        <v>138</v>
      </c>
      <c r="B137" s="2" t="s">
        <v>152</v>
      </c>
      <c r="C137" s="3" t="s">
        <v>4</v>
      </c>
    </row>
    <row r="138" spans="1:3" ht="15" x14ac:dyDescent="0.2">
      <c r="A138" s="1">
        <v>139</v>
      </c>
      <c r="B138" s="2" t="s">
        <v>153</v>
      </c>
      <c r="C138" s="3" t="s">
        <v>4</v>
      </c>
    </row>
    <row r="139" spans="1:3" ht="15" x14ac:dyDescent="0.2">
      <c r="A139" s="1">
        <v>140</v>
      </c>
      <c r="B139" s="2" t="s">
        <v>154</v>
      </c>
      <c r="C139" s="3" t="s">
        <v>4</v>
      </c>
    </row>
    <row r="140" spans="1:3" ht="15" x14ac:dyDescent="0.2">
      <c r="A140" s="1">
        <v>142</v>
      </c>
      <c r="B140" s="2" t="s">
        <v>155</v>
      </c>
      <c r="C140" s="3" t="s">
        <v>4</v>
      </c>
    </row>
    <row r="141" spans="1:3" ht="15" x14ac:dyDescent="0.2">
      <c r="A141" s="1">
        <v>143</v>
      </c>
      <c r="B141" s="2" t="s">
        <v>156</v>
      </c>
      <c r="C141" s="3" t="s">
        <v>20</v>
      </c>
    </row>
    <row r="142" spans="1:3" ht="15" x14ac:dyDescent="0.2">
      <c r="A142" s="1">
        <v>144</v>
      </c>
      <c r="B142" s="2" t="s">
        <v>157</v>
      </c>
      <c r="C142" s="3" t="s">
        <v>13</v>
      </c>
    </row>
    <row r="143" spans="1:3" ht="15" x14ac:dyDescent="0.2">
      <c r="A143" s="1">
        <v>145</v>
      </c>
      <c r="B143" s="2" t="s">
        <v>158</v>
      </c>
      <c r="C143" s="3" t="s">
        <v>17</v>
      </c>
    </row>
    <row r="144" spans="1:3" ht="15" x14ac:dyDescent="0.2">
      <c r="A144" s="1">
        <v>146</v>
      </c>
      <c r="B144" s="2" t="s">
        <v>159</v>
      </c>
      <c r="C144" s="3" t="s">
        <v>4</v>
      </c>
    </row>
    <row r="145" spans="1:3" ht="15" x14ac:dyDescent="0.2">
      <c r="A145" s="1">
        <v>148</v>
      </c>
      <c r="B145" s="2" t="s">
        <v>160</v>
      </c>
      <c r="C145" s="3" t="s">
        <v>47</v>
      </c>
    </row>
    <row r="146" spans="1:3" ht="15" x14ac:dyDescent="0.2">
      <c r="A146" s="1">
        <v>149</v>
      </c>
      <c r="B146" s="2" t="s">
        <v>161</v>
      </c>
      <c r="C146" s="3" t="s">
        <v>4</v>
      </c>
    </row>
    <row r="147" spans="1:3" ht="15" x14ac:dyDescent="0.2">
      <c r="A147" s="1">
        <v>150</v>
      </c>
      <c r="B147" s="2" t="s">
        <v>162</v>
      </c>
      <c r="C147" s="3" t="s">
        <v>4</v>
      </c>
    </row>
    <row r="148" spans="1:3" ht="15" x14ac:dyDescent="0.2">
      <c r="A148" s="1">
        <v>151</v>
      </c>
      <c r="B148" s="2" t="s">
        <v>163</v>
      </c>
      <c r="C148" s="3" t="s">
        <v>4</v>
      </c>
    </row>
    <row r="149" spans="1:3" ht="15" x14ac:dyDescent="0.2">
      <c r="A149" s="1">
        <v>152</v>
      </c>
      <c r="B149" s="2" t="s">
        <v>164</v>
      </c>
      <c r="C149" s="3" t="s">
        <v>4</v>
      </c>
    </row>
    <row r="150" spans="1:3" ht="15" x14ac:dyDescent="0.2">
      <c r="A150" s="1">
        <v>153</v>
      </c>
      <c r="B150" s="2" t="s">
        <v>165</v>
      </c>
      <c r="C150" s="3" t="s">
        <v>4</v>
      </c>
    </row>
    <row r="151" spans="1:3" ht="15" x14ac:dyDescent="0.2">
      <c r="A151" s="1">
        <v>154</v>
      </c>
      <c r="B151" s="2" t="s">
        <v>166</v>
      </c>
      <c r="C151" s="3" t="s">
        <v>13</v>
      </c>
    </row>
    <row r="152" spans="1:3" ht="15" x14ac:dyDescent="0.2">
      <c r="A152" s="1">
        <v>155</v>
      </c>
      <c r="B152" s="2" t="s">
        <v>167</v>
      </c>
      <c r="C152" s="3" t="s">
        <v>4</v>
      </c>
    </row>
    <row r="153" spans="1:3" ht="15" x14ac:dyDescent="0.2">
      <c r="A153" s="1">
        <v>156</v>
      </c>
      <c r="B153" s="2" t="s">
        <v>168</v>
      </c>
      <c r="C153" s="3" t="s">
        <v>4</v>
      </c>
    </row>
    <row r="154" spans="1:3" ht="15" x14ac:dyDescent="0.2">
      <c r="A154" s="1">
        <v>157</v>
      </c>
      <c r="B154" s="2" t="s">
        <v>169</v>
      </c>
      <c r="C154" s="3" t="s">
        <v>20</v>
      </c>
    </row>
    <row r="155" spans="1:3" ht="15" x14ac:dyDescent="0.2">
      <c r="A155" s="1">
        <v>158</v>
      </c>
      <c r="B155" s="2" t="s">
        <v>170</v>
      </c>
      <c r="C155" s="3" t="s">
        <v>4</v>
      </c>
    </row>
    <row r="156" spans="1:3" ht="15" x14ac:dyDescent="0.2">
      <c r="A156" s="1">
        <v>159</v>
      </c>
      <c r="B156" s="2" t="s">
        <v>171</v>
      </c>
      <c r="C156" s="3" t="s">
        <v>4</v>
      </c>
    </row>
    <row r="157" spans="1:3" ht="15" x14ac:dyDescent="0.2">
      <c r="A157" s="1">
        <v>160</v>
      </c>
      <c r="B157" s="2" t="s">
        <v>172</v>
      </c>
      <c r="C157" s="3" t="s">
        <v>22</v>
      </c>
    </row>
    <row r="158" spans="1:3" ht="15" x14ac:dyDescent="0.2">
      <c r="A158" s="1">
        <v>161</v>
      </c>
      <c r="B158" s="2" t="s">
        <v>173</v>
      </c>
      <c r="C158" s="3" t="s">
        <v>119</v>
      </c>
    </row>
    <row r="159" spans="1:3" ht="15" x14ac:dyDescent="0.2">
      <c r="A159" s="1">
        <v>162</v>
      </c>
      <c r="B159" s="2" t="s">
        <v>174</v>
      </c>
      <c r="C159" s="3" t="s">
        <v>13</v>
      </c>
    </row>
    <row r="160" spans="1:3" ht="15" x14ac:dyDescent="0.2">
      <c r="A160" s="1">
        <v>163</v>
      </c>
      <c r="B160" s="2" t="s">
        <v>175</v>
      </c>
      <c r="C160" s="3" t="s">
        <v>15</v>
      </c>
    </row>
    <row r="161" spans="1:3" ht="15" x14ac:dyDescent="0.2">
      <c r="A161" s="1">
        <v>164</v>
      </c>
      <c r="B161" s="2" t="s">
        <v>176</v>
      </c>
      <c r="C161" s="3" t="s">
        <v>54</v>
      </c>
    </row>
    <row r="162" spans="1:3" ht="15" x14ac:dyDescent="0.2">
      <c r="A162" s="1">
        <v>165</v>
      </c>
      <c r="B162" s="2" t="s">
        <v>177</v>
      </c>
      <c r="C162" s="3" t="s">
        <v>54</v>
      </c>
    </row>
    <row r="163" spans="1:3" ht="15" x14ac:dyDescent="0.2">
      <c r="A163" s="1">
        <v>166</v>
      </c>
      <c r="B163" s="2" t="s">
        <v>178</v>
      </c>
      <c r="C163" s="3" t="s">
        <v>4</v>
      </c>
    </row>
    <row r="164" spans="1:3" ht="15" x14ac:dyDescent="0.2">
      <c r="A164" s="1">
        <v>167</v>
      </c>
      <c r="B164" s="2" t="s">
        <v>179</v>
      </c>
      <c r="C164" s="3" t="s">
        <v>4</v>
      </c>
    </row>
    <row r="165" spans="1:3" ht="15" x14ac:dyDescent="0.2">
      <c r="A165" s="1">
        <v>168</v>
      </c>
      <c r="B165" s="2" t="s">
        <v>180</v>
      </c>
      <c r="C165" s="3" t="s">
        <v>4</v>
      </c>
    </row>
    <row r="166" spans="1:3" ht="15" x14ac:dyDescent="0.2">
      <c r="A166" s="1">
        <v>169</v>
      </c>
      <c r="B166" s="2" t="s">
        <v>181</v>
      </c>
      <c r="C166" s="3" t="s">
        <v>4</v>
      </c>
    </row>
    <row r="167" spans="1:3" ht="15" x14ac:dyDescent="0.2">
      <c r="A167" s="1">
        <v>171</v>
      </c>
      <c r="B167" s="2" t="s">
        <v>182</v>
      </c>
      <c r="C167" s="3" t="s">
        <v>20</v>
      </c>
    </row>
    <row r="168" spans="1:3" ht="15" x14ac:dyDescent="0.2">
      <c r="A168" s="1">
        <v>172</v>
      </c>
      <c r="B168" s="2" t="s">
        <v>183</v>
      </c>
      <c r="C168" s="3" t="s">
        <v>22</v>
      </c>
    </row>
    <row r="169" spans="1:3" ht="15" x14ac:dyDescent="0.2">
      <c r="A169" s="1">
        <v>173</v>
      </c>
      <c r="B169" s="2" t="s">
        <v>184</v>
      </c>
      <c r="C169" s="3" t="s">
        <v>4</v>
      </c>
    </row>
    <row r="170" spans="1:3" ht="15" x14ac:dyDescent="0.2">
      <c r="A170" s="1">
        <v>174</v>
      </c>
      <c r="B170" s="2" t="s">
        <v>185</v>
      </c>
      <c r="C170" s="3" t="s">
        <v>4</v>
      </c>
    </row>
    <row r="171" spans="1:3" ht="15" x14ac:dyDescent="0.2">
      <c r="A171" s="1">
        <v>175</v>
      </c>
      <c r="B171" s="2" t="s">
        <v>186</v>
      </c>
      <c r="C171" s="3" t="s">
        <v>11</v>
      </c>
    </row>
    <row r="172" spans="1:3" ht="15" x14ac:dyDescent="0.2">
      <c r="A172" s="1">
        <v>176</v>
      </c>
      <c r="B172" s="2" t="s">
        <v>187</v>
      </c>
      <c r="C172" s="3" t="s">
        <v>4</v>
      </c>
    </row>
    <row r="173" spans="1:3" ht="15" x14ac:dyDescent="0.2">
      <c r="A173" s="1">
        <v>177</v>
      </c>
      <c r="B173" s="2" t="s">
        <v>188</v>
      </c>
      <c r="C173" s="3" t="s">
        <v>4</v>
      </c>
    </row>
    <row r="174" spans="1:3" ht="15" x14ac:dyDescent="0.2">
      <c r="A174" s="1">
        <v>178</v>
      </c>
      <c r="B174" s="2" t="s">
        <v>189</v>
      </c>
      <c r="C174" s="3" t="s">
        <v>4</v>
      </c>
    </row>
    <row r="175" spans="1:3" ht="15" x14ac:dyDescent="0.2">
      <c r="A175" s="1">
        <v>179</v>
      </c>
      <c r="B175" s="2" t="s">
        <v>190</v>
      </c>
      <c r="C175" s="3" t="s">
        <v>22</v>
      </c>
    </row>
    <row r="176" spans="1:3" ht="15" x14ac:dyDescent="0.2">
      <c r="A176" s="1">
        <v>180</v>
      </c>
      <c r="B176" s="2" t="s">
        <v>191</v>
      </c>
      <c r="C176" s="3" t="s">
        <v>4</v>
      </c>
    </row>
    <row r="177" spans="1:3" ht="15" x14ac:dyDescent="0.2">
      <c r="A177" s="1">
        <v>181</v>
      </c>
      <c r="B177" s="2" t="s">
        <v>192</v>
      </c>
      <c r="C177" s="3" t="s">
        <v>4</v>
      </c>
    </row>
    <row r="178" spans="1:3" ht="15" x14ac:dyDescent="0.2">
      <c r="A178" s="1">
        <v>182</v>
      </c>
      <c r="B178" s="2" t="s">
        <v>193</v>
      </c>
      <c r="C178" s="3" t="s">
        <v>4</v>
      </c>
    </row>
    <row r="179" spans="1:3" ht="15" x14ac:dyDescent="0.2">
      <c r="A179" s="1">
        <v>183</v>
      </c>
      <c r="B179" s="2" t="s">
        <v>194</v>
      </c>
      <c r="C179" s="3" t="s">
        <v>861</v>
      </c>
    </row>
    <row r="180" spans="1:3" ht="15" x14ac:dyDescent="0.2">
      <c r="A180" s="1">
        <v>184</v>
      </c>
      <c r="B180" s="2" t="s">
        <v>195</v>
      </c>
      <c r="C180" s="3" t="s">
        <v>4</v>
      </c>
    </row>
    <row r="181" spans="1:3" ht="15" x14ac:dyDescent="0.2">
      <c r="A181" s="1">
        <v>185</v>
      </c>
      <c r="B181" s="2" t="s">
        <v>196</v>
      </c>
      <c r="C181" s="3" t="s">
        <v>140</v>
      </c>
    </row>
    <row r="182" spans="1:3" ht="15" x14ac:dyDescent="0.2">
      <c r="A182" s="1">
        <v>186</v>
      </c>
      <c r="B182" s="2" t="s">
        <v>197</v>
      </c>
      <c r="C182" s="3" t="s">
        <v>4</v>
      </c>
    </row>
    <row r="183" spans="1:3" ht="15" x14ac:dyDescent="0.2">
      <c r="A183" s="1">
        <v>187</v>
      </c>
      <c r="B183" s="2" t="s">
        <v>198</v>
      </c>
      <c r="C183" s="3" t="s">
        <v>4</v>
      </c>
    </row>
    <row r="184" spans="1:3" ht="15" x14ac:dyDescent="0.2">
      <c r="A184" s="1">
        <v>188</v>
      </c>
      <c r="B184" s="2" t="s">
        <v>199</v>
      </c>
      <c r="C184" s="3" t="s">
        <v>20</v>
      </c>
    </row>
    <row r="185" spans="1:3" ht="15" x14ac:dyDescent="0.2">
      <c r="A185" s="1">
        <v>189</v>
      </c>
      <c r="B185" s="2" t="s">
        <v>200</v>
      </c>
      <c r="C185" s="3" t="s">
        <v>4</v>
      </c>
    </row>
    <row r="186" spans="1:3" ht="15" x14ac:dyDescent="0.2">
      <c r="A186" s="1">
        <v>190</v>
      </c>
      <c r="B186" s="2" t="s">
        <v>201</v>
      </c>
      <c r="C186" s="3" t="s">
        <v>4</v>
      </c>
    </row>
    <row r="187" spans="1:3" ht="15" x14ac:dyDescent="0.2">
      <c r="A187" s="1">
        <v>191</v>
      </c>
      <c r="B187" s="2" t="s">
        <v>202</v>
      </c>
      <c r="C187" s="3" t="s">
        <v>4</v>
      </c>
    </row>
    <row r="188" spans="1:3" ht="15" x14ac:dyDescent="0.2">
      <c r="A188" s="1">
        <v>192</v>
      </c>
      <c r="B188" s="2" t="s">
        <v>203</v>
      </c>
      <c r="C188" s="3" t="s">
        <v>22</v>
      </c>
    </row>
    <row r="189" spans="1:3" ht="15" x14ac:dyDescent="0.2">
      <c r="A189" s="1">
        <v>193</v>
      </c>
      <c r="B189" s="2" t="s">
        <v>204</v>
      </c>
      <c r="C189" s="3" t="s">
        <v>4</v>
      </c>
    </row>
    <row r="190" spans="1:3" ht="15" x14ac:dyDescent="0.2">
      <c r="A190" s="1">
        <v>195</v>
      </c>
      <c r="B190" s="2" t="s">
        <v>205</v>
      </c>
      <c r="C190" s="3" t="s">
        <v>4</v>
      </c>
    </row>
    <row r="191" spans="1:3" ht="15" x14ac:dyDescent="0.2">
      <c r="A191" s="1">
        <v>196</v>
      </c>
      <c r="B191" s="2" t="s">
        <v>206</v>
      </c>
      <c r="C191" s="3" t="s">
        <v>4</v>
      </c>
    </row>
    <row r="192" spans="1:3" ht="15" x14ac:dyDescent="0.2">
      <c r="A192" s="1">
        <v>197</v>
      </c>
      <c r="B192" s="2" t="s">
        <v>207</v>
      </c>
      <c r="C192" s="3" t="s">
        <v>4</v>
      </c>
    </row>
    <row r="193" spans="1:3" ht="15" x14ac:dyDescent="0.2">
      <c r="A193" s="1">
        <v>198</v>
      </c>
      <c r="B193" s="2" t="s">
        <v>208</v>
      </c>
      <c r="C193" s="3" t="s">
        <v>51</v>
      </c>
    </row>
    <row r="194" spans="1:3" ht="15" x14ac:dyDescent="0.2">
      <c r="A194" s="1">
        <v>199</v>
      </c>
      <c r="B194" s="2" t="s">
        <v>209</v>
      </c>
      <c r="C194" s="3" t="s">
        <v>24</v>
      </c>
    </row>
    <row r="195" spans="1:3" ht="15" x14ac:dyDescent="0.2">
      <c r="A195" s="1">
        <v>200</v>
      </c>
      <c r="B195" s="2" t="s">
        <v>210</v>
      </c>
      <c r="C195" s="3" t="s">
        <v>4</v>
      </c>
    </row>
    <row r="196" spans="1:3" ht="15" x14ac:dyDescent="0.2">
      <c r="A196" s="1">
        <v>201</v>
      </c>
      <c r="B196" s="2" t="s">
        <v>211</v>
      </c>
      <c r="C196" s="3" t="s">
        <v>4</v>
      </c>
    </row>
    <row r="197" spans="1:3" ht="15" x14ac:dyDescent="0.2">
      <c r="A197" s="1">
        <v>202</v>
      </c>
      <c r="B197" s="2" t="s">
        <v>212</v>
      </c>
      <c r="C197" s="3" t="s">
        <v>82</v>
      </c>
    </row>
    <row r="198" spans="1:3" ht="15" x14ac:dyDescent="0.2">
      <c r="A198" s="1">
        <v>203</v>
      </c>
      <c r="B198" s="2" t="s">
        <v>213</v>
      </c>
      <c r="C198" s="3" t="s">
        <v>82</v>
      </c>
    </row>
    <row r="199" spans="1:3" ht="15" x14ac:dyDescent="0.2">
      <c r="A199" s="1">
        <v>204</v>
      </c>
      <c r="B199" s="2" t="s">
        <v>214</v>
      </c>
      <c r="C199" s="3" t="s">
        <v>82</v>
      </c>
    </row>
    <row r="200" spans="1:3" ht="15" x14ac:dyDescent="0.2">
      <c r="A200" s="1">
        <v>205</v>
      </c>
      <c r="B200" s="2" t="s">
        <v>215</v>
      </c>
      <c r="C200" s="3" t="s">
        <v>82</v>
      </c>
    </row>
    <row r="201" spans="1:3" ht="15" x14ac:dyDescent="0.2">
      <c r="A201" s="1">
        <v>206</v>
      </c>
      <c r="B201" s="2" t="s">
        <v>216</v>
      </c>
      <c r="C201" s="3" t="s">
        <v>4</v>
      </c>
    </row>
    <row r="202" spans="1:3" ht="15" x14ac:dyDescent="0.2">
      <c r="A202" s="1">
        <v>207</v>
      </c>
      <c r="B202" s="2" t="s">
        <v>217</v>
      </c>
      <c r="C202" s="3" t="s">
        <v>4</v>
      </c>
    </row>
    <row r="203" spans="1:3" ht="15" x14ac:dyDescent="0.2">
      <c r="A203" s="1">
        <v>208</v>
      </c>
      <c r="B203" s="2" t="s">
        <v>218</v>
      </c>
      <c r="C203" s="3" t="s">
        <v>4</v>
      </c>
    </row>
    <row r="204" spans="1:3" ht="15" x14ac:dyDescent="0.2">
      <c r="A204" s="1">
        <v>209</v>
      </c>
      <c r="B204" s="2" t="s">
        <v>219</v>
      </c>
      <c r="C204" s="3" t="s">
        <v>4</v>
      </c>
    </row>
    <row r="205" spans="1:3" ht="15" x14ac:dyDescent="0.2">
      <c r="A205" s="1">
        <v>210</v>
      </c>
      <c r="B205" s="2" t="s">
        <v>220</v>
      </c>
      <c r="C205" s="3" t="s">
        <v>4</v>
      </c>
    </row>
    <row r="206" spans="1:3" ht="15" x14ac:dyDescent="0.2">
      <c r="A206" s="1">
        <v>211</v>
      </c>
      <c r="B206" s="2" t="s">
        <v>221</v>
      </c>
      <c r="C206" s="3" t="s">
        <v>22</v>
      </c>
    </row>
    <row r="207" spans="1:3" ht="15" x14ac:dyDescent="0.2">
      <c r="A207" s="1">
        <v>212</v>
      </c>
      <c r="B207" s="2" t="s">
        <v>222</v>
      </c>
      <c r="C207" s="3" t="s">
        <v>4</v>
      </c>
    </row>
    <row r="208" spans="1:3" ht="15" x14ac:dyDescent="0.2">
      <c r="A208" s="1">
        <v>214</v>
      </c>
      <c r="B208" s="2" t="s">
        <v>223</v>
      </c>
      <c r="C208" s="3" t="s">
        <v>4</v>
      </c>
    </row>
    <row r="209" spans="1:3" ht="15" x14ac:dyDescent="0.2">
      <c r="A209" s="1">
        <v>215</v>
      </c>
      <c r="B209" s="2" t="s">
        <v>224</v>
      </c>
      <c r="C209" s="3" t="s">
        <v>13</v>
      </c>
    </row>
    <row r="210" spans="1:3" ht="15" x14ac:dyDescent="0.2">
      <c r="A210" s="1">
        <v>216</v>
      </c>
      <c r="B210" s="2" t="s">
        <v>225</v>
      </c>
      <c r="C210" s="3" t="s">
        <v>4</v>
      </c>
    </row>
    <row r="211" spans="1:3" ht="15" x14ac:dyDescent="0.2">
      <c r="A211" s="1">
        <v>217</v>
      </c>
      <c r="B211" s="2" t="s">
        <v>226</v>
      </c>
      <c r="C211" s="3" t="s">
        <v>4</v>
      </c>
    </row>
    <row r="212" spans="1:3" ht="15" x14ac:dyDescent="0.2">
      <c r="A212" s="1">
        <v>218</v>
      </c>
      <c r="B212" s="2" t="s">
        <v>227</v>
      </c>
      <c r="C212" s="3" t="s">
        <v>4</v>
      </c>
    </row>
    <row r="213" spans="1:3" ht="15" x14ac:dyDescent="0.2">
      <c r="A213" s="1">
        <v>219</v>
      </c>
      <c r="B213" s="2" t="s">
        <v>228</v>
      </c>
      <c r="C213" s="3" t="s">
        <v>47</v>
      </c>
    </row>
    <row r="214" spans="1:3" ht="15" x14ac:dyDescent="0.2">
      <c r="A214" s="1">
        <v>220</v>
      </c>
      <c r="B214" s="2" t="s">
        <v>229</v>
      </c>
      <c r="C214" s="3" t="s">
        <v>4</v>
      </c>
    </row>
    <row r="215" spans="1:3" ht="15" x14ac:dyDescent="0.2">
      <c r="A215" s="1">
        <v>221</v>
      </c>
      <c r="B215" s="2" t="s">
        <v>230</v>
      </c>
      <c r="C215" s="3" t="s">
        <v>4</v>
      </c>
    </row>
    <row r="216" spans="1:3" ht="15" x14ac:dyDescent="0.2">
      <c r="A216" s="1">
        <v>222</v>
      </c>
      <c r="B216" s="2" t="s">
        <v>231</v>
      </c>
      <c r="C216" s="3" t="s">
        <v>4</v>
      </c>
    </row>
    <row r="217" spans="1:3" ht="15" x14ac:dyDescent="0.2">
      <c r="A217" s="1">
        <v>223</v>
      </c>
      <c r="B217" s="2" t="s">
        <v>232</v>
      </c>
      <c r="C217" s="3" t="s">
        <v>4</v>
      </c>
    </row>
    <row r="218" spans="1:3" ht="15" x14ac:dyDescent="0.2">
      <c r="A218" s="1">
        <v>224</v>
      </c>
      <c r="B218" s="2" t="s">
        <v>233</v>
      </c>
      <c r="C218" s="3" t="s">
        <v>22</v>
      </c>
    </row>
    <row r="219" spans="1:3" ht="15" x14ac:dyDescent="0.2">
      <c r="A219" s="1">
        <v>226</v>
      </c>
      <c r="B219" s="2" t="s">
        <v>234</v>
      </c>
      <c r="C219" s="3" t="s">
        <v>4</v>
      </c>
    </row>
    <row r="220" spans="1:3" ht="15" x14ac:dyDescent="0.2">
      <c r="A220" s="1">
        <v>227</v>
      </c>
      <c r="B220" s="2" t="s">
        <v>235</v>
      </c>
      <c r="C220" s="3" t="s">
        <v>4</v>
      </c>
    </row>
    <row r="221" spans="1:3" ht="15" x14ac:dyDescent="0.2">
      <c r="A221" s="1">
        <v>228</v>
      </c>
      <c r="B221" s="2" t="s">
        <v>236</v>
      </c>
      <c r="C221" s="3" t="s">
        <v>4</v>
      </c>
    </row>
    <row r="222" spans="1:3" ht="15" x14ac:dyDescent="0.2">
      <c r="A222" s="1">
        <v>229</v>
      </c>
      <c r="B222" s="2" t="s">
        <v>237</v>
      </c>
      <c r="C222" s="3" t="s">
        <v>4</v>
      </c>
    </row>
    <row r="223" spans="1:3" ht="15" x14ac:dyDescent="0.2">
      <c r="A223" s="1">
        <v>230</v>
      </c>
      <c r="B223" s="2" t="s">
        <v>238</v>
      </c>
      <c r="C223" s="3" t="s">
        <v>4</v>
      </c>
    </row>
    <row r="224" spans="1:3" ht="15" x14ac:dyDescent="0.2">
      <c r="A224" s="1">
        <v>231</v>
      </c>
      <c r="B224" s="2" t="s">
        <v>239</v>
      </c>
      <c r="C224" s="3" t="s">
        <v>4</v>
      </c>
    </row>
    <row r="225" spans="1:3" ht="15" x14ac:dyDescent="0.2">
      <c r="A225" s="1">
        <v>232</v>
      </c>
      <c r="B225" s="2" t="s">
        <v>240</v>
      </c>
      <c r="C225" s="3" t="s">
        <v>4</v>
      </c>
    </row>
    <row r="226" spans="1:3" ht="15" x14ac:dyDescent="0.2">
      <c r="A226" s="1">
        <v>233</v>
      </c>
      <c r="B226" s="2" t="s">
        <v>241</v>
      </c>
      <c r="C226" s="3" t="s">
        <v>4</v>
      </c>
    </row>
    <row r="227" spans="1:3" ht="15" x14ac:dyDescent="0.2">
      <c r="A227" s="1">
        <v>234</v>
      </c>
      <c r="B227" s="2" t="s">
        <v>242</v>
      </c>
      <c r="C227" s="3" t="s">
        <v>54</v>
      </c>
    </row>
    <row r="228" spans="1:3" ht="15" x14ac:dyDescent="0.2">
      <c r="A228" s="1">
        <v>235</v>
      </c>
      <c r="B228" s="2" t="s">
        <v>243</v>
      </c>
      <c r="C228" s="3" t="s">
        <v>24</v>
      </c>
    </row>
    <row r="229" spans="1:3" ht="15" x14ac:dyDescent="0.2">
      <c r="A229" s="1">
        <v>236</v>
      </c>
      <c r="B229" s="2" t="s">
        <v>244</v>
      </c>
      <c r="C229" s="3" t="s">
        <v>51</v>
      </c>
    </row>
    <row r="230" spans="1:3" ht="15" x14ac:dyDescent="0.2">
      <c r="A230" s="1">
        <v>237</v>
      </c>
      <c r="B230" s="2" t="s">
        <v>245</v>
      </c>
      <c r="C230" s="3" t="s">
        <v>47</v>
      </c>
    </row>
    <row r="231" spans="1:3" ht="15" x14ac:dyDescent="0.2">
      <c r="A231" s="1">
        <v>238</v>
      </c>
      <c r="B231" s="2" t="s">
        <v>246</v>
      </c>
      <c r="C231" s="3" t="s">
        <v>24</v>
      </c>
    </row>
    <row r="232" spans="1:3" ht="15" x14ac:dyDescent="0.2">
      <c r="A232" s="1">
        <v>239</v>
      </c>
      <c r="B232" s="2" t="s">
        <v>247</v>
      </c>
      <c r="C232" s="3" t="s">
        <v>4</v>
      </c>
    </row>
    <row r="233" spans="1:3" ht="15" x14ac:dyDescent="0.2">
      <c r="A233" s="1">
        <v>240</v>
      </c>
      <c r="B233" s="2" t="s">
        <v>248</v>
      </c>
      <c r="C233" s="3" t="s">
        <v>4</v>
      </c>
    </row>
    <row r="234" spans="1:3" ht="15" x14ac:dyDescent="0.2">
      <c r="A234" s="1">
        <v>241</v>
      </c>
      <c r="B234" s="2" t="s">
        <v>249</v>
      </c>
      <c r="C234" s="3" t="s">
        <v>4</v>
      </c>
    </row>
    <row r="235" spans="1:3" ht="15" x14ac:dyDescent="0.2">
      <c r="A235" s="1">
        <v>242</v>
      </c>
      <c r="B235" s="2" t="s">
        <v>250</v>
      </c>
      <c r="C235" s="3" t="s">
        <v>4</v>
      </c>
    </row>
    <row r="236" spans="1:3" ht="15" x14ac:dyDescent="0.2">
      <c r="A236" s="1">
        <v>243</v>
      </c>
      <c r="B236" s="2" t="s">
        <v>251</v>
      </c>
      <c r="C236" s="3" t="s">
        <v>4</v>
      </c>
    </row>
    <row r="237" spans="1:3" ht="15" x14ac:dyDescent="0.2">
      <c r="A237" s="1">
        <v>244</v>
      </c>
      <c r="B237" s="2" t="s">
        <v>252</v>
      </c>
      <c r="C237" s="3" t="s">
        <v>47</v>
      </c>
    </row>
    <row r="238" spans="1:3" ht="15" x14ac:dyDescent="0.2">
      <c r="A238" s="1">
        <v>245</v>
      </c>
      <c r="B238" s="2" t="s">
        <v>253</v>
      </c>
      <c r="C238" s="3" t="s">
        <v>862</v>
      </c>
    </row>
    <row r="239" spans="1:3" ht="15" x14ac:dyDescent="0.2">
      <c r="A239" s="1">
        <v>246</v>
      </c>
      <c r="B239" s="2" t="s">
        <v>254</v>
      </c>
      <c r="C239" s="3" t="s">
        <v>4</v>
      </c>
    </row>
    <row r="240" spans="1:3" ht="15" x14ac:dyDescent="0.2">
      <c r="A240" s="1">
        <v>247</v>
      </c>
      <c r="B240" s="2" t="s">
        <v>255</v>
      </c>
      <c r="C240" s="3" t="s">
        <v>82</v>
      </c>
    </row>
    <row r="241" spans="1:3" ht="15" x14ac:dyDescent="0.2">
      <c r="A241" s="1">
        <v>249</v>
      </c>
      <c r="B241" s="2" t="s">
        <v>256</v>
      </c>
      <c r="C241" s="3" t="s">
        <v>4</v>
      </c>
    </row>
    <row r="242" spans="1:3" ht="15" x14ac:dyDescent="0.2">
      <c r="A242" s="1">
        <v>250</v>
      </c>
      <c r="B242" s="2" t="s">
        <v>257</v>
      </c>
      <c r="C242" s="3" t="s">
        <v>24</v>
      </c>
    </row>
    <row r="243" spans="1:3" ht="15" x14ac:dyDescent="0.2">
      <c r="A243" s="1">
        <v>251</v>
      </c>
      <c r="B243" s="2" t="s">
        <v>258</v>
      </c>
      <c r="C243" s="3" t="s">
        <v>4</v>
      </c>
    </row>
    <row r="244" spans="1:3" ht="15" x14ac:dyDescent="0.2">
      <c r="A244" s="1">
        <v>252</v>
      </c>
      <c r="B244" s="2" t="s">
        <v>259</v>
      </c>
      <c r="C244" s="3" t="s">
        <v>4</v>
      </c>
    </row>
    <row r="245" spans="1:3" ht="15" x14ac:dyDescent="0.2">
      <c r="A245" s="1">
        <v>253</v>
      </c>
      <c r="B245" s="2" t="s">
        <v>260</v>
      </c>
      <c r="C245" s="3" t="s">
        <v>11</v>
      </c>
    </row>
    <row r="246" spans="1:3" ht="15" x14ac:dyDescent="0.2">
      <c r="A246" s="1">
        <v>254</v>
      </c>
      <c r="B246" s="2" t="s">
        <v>261</v>
      </c>
      <c r="C246" s="3" t="s">
        <v>863</v>
      </c>
    </row>
    <row r="247" spans="1:3" ht="15" x14ac:dyDescent="0.2">
      <c r="A247" s="1">
        <v>255</v>
      </c>
      <c r="B247" s="2" t="s">
        <v>262</v>
      </c>
      <c r="C247" s="3" t="s">
        <v>82</v>
      </c>
    </row>
    <row r="248" spans="1:3" ht="15" x14ac:dyDescent="0.2">
      <c r="A248" s="1">
        <v>256</v>
      </c>
      <c r="B248" s="2" t="s">
        <v>263</v>
      </c>
      <c r="C248" s="3" t="s">
        <v>4</v>
      </c>
    </row>
    <row r="249" spans="1:3" ht="15" x14ac:dyDescent="0.2">
      <c r="A249" s="1">
        <v>257</v>
      </c>
      <c r="B249" s="2" t="s">
        <v>264</v>
      </c>
      <c r="C249" s="3" t="s">
        <v>4</v>
      </c>
    </row>
    <row r="250" spans="1:3" ht="15" x14ac:dyDescent="0.2">
      <c r="A250" s="1">
        <v>258</v>
      </c>
      <c r="B250" s="2" t="s">
        <v>265</v>
      </c>
      <c r="C250" s="3" t="s">
        <v>15</v>
      </c>
    </row>
    <row r="251" spans="1:3" ht="15" x14ac:dyDescent="0.2">
      <c r="A251" s="1">
        <v>259</v>
      </c>
      <c r="B251" s="2" t="s">
        <v>266</v>
      </c>
      <c r="C251" s="3" t="s">
        <v>82</v>
      </c>
    </row>
    <row r="252" spans="1:3" ht="15" x14ac:dyDescent="0.2">
      <c r="A252" s="1">
        <v>260</v>
      </c>
      <c r="B252" s="2" t="s">
        <v>267</v>
      </c>
      <c r="C252" s="3" t="s">
        <v>17</v>
      </c>
    </row>
    <row r="253" spans="1:3" ht="15" x14ac:dyDescent="0.2">
      <c r="A253" s="1">
        <v>261</v>
      </c>
      <c r="B253" s="2" t="s">
        <v>268</v>
      </c>
      <c r="C253" s="3" t="s">
        <v>4</v>
      </c>
    </row>
    <row r="254" spans="1:3" ht="15" x14ac:dyDescent="0.2">
      <c r="A254" s="1">
        <v>262</v>
      </c>
      <c r="B254" s="2" t="s">
        <v>269</v>
      </c>
      <c r="C254" s="3" t="s">
        <v>22</v>
      </c>
    </row>
    <row r="255" spans="1:3" ht="15" x14ac:dyDescent="0.2">
      <c r="A255" s="1">
        <v>263</v>
      </c>
      <c r="B255" s="2" t="s">
        <v>270</v>
      </c>
      <c r="C255" s="3" t="s">
        <v>4</v>
      </c>
    </row>
    <row r="256" spans="1:3" ht="15" x14ac:dyDescent="0.2">
      <c r="A256" s="1">
        <v>264</v>
      </c>
      <c r="B256" s="2" t="s">
        <v>271</v>
      </c>
      <c r="C256" s="3" t="s">
        <v>22</v>
      </c>
    </row>
    <row r="257" spans="1:3" ht="15" x14ac:dyDescent="0.2">
      <c r="A257" s="1">
        <v>265</v>
      </c>
      <c r="B257" s="2" t="s">
        <v>272</v>
      </c>
      <c r="C257" s="3" t="s">
        <v>4</v>
      </c>
    </row>
    <row r="258" spans="1:3" ht="15" x14ac:dyDescent="0.2">
      <c r="A258" s="1">
        <v>266</v>
      </c>
      <c r="B258" s="2" t="s">
        <v>273</v>
      </c>
      <c r="C258" s="3" t="s">
        <v>864</v>
      </c>
    </row>
    <row r="259" spans="1:3" ht="15" x14ac:dyDescent="0.2">
      <c r="A259" s="1">
        <v>267</v>
      </c>
      <c r="B259" s="2" t="s">
        <v>274</v>
      </c>
      <c r="C259" s="3" t="s">
        <v>275</v>
      </c>
    </row>
    <row r="260" spans="1:3" ht="15" x14ac:dyDescent="0.2">
      <c r="A260" s="1">
        <v>268</v>
      </c>
      <c r="B260" s="2" t="s">
        <v>276</v>
      </c>
      <c r="C260" s="3" t="s">
        <v>4</v>
      </c>
    </row>
    <row r="261" spans="1:3" ht="15" x14ac:dyDescent="0.2">
      <c r="A261" s="1">
        <v>269</v>
      </c>
      <c r="B261" s="2" t="s">
        <v>277</v>
      </c>
      <c r="C261" s="3" t="s">
        <v>4</v>
      </c>
    </row>
    <row r="262" spans="1:3" ht="15" x14ac:dyDescent="0.2">
      <c r="A262" s="1">
        <v>270</v>
      </c>
      <c r="B262" s="2" t="s">
        <v>278</v>
      </c>
      <c r="C262" s="3" t="s">
        <v>4</v>
      </c>
    </row>
    <row r="263" spans="1:3" ht="15" x14ac:dyDescent="0.2">
      <c r="A263" s="1">
        <v>271</v>
      </c>
      <c r="B263" s="2" t="s">
        <v>279</v>
      </c>
      <c r="C263" s="3" t="s">
        <v>862</v>
      </c>
    </row>
    <row r="264" spans="1:3" ht="15" x14ac:dyDescent="0.2">
      <c r="A264" s="1">
        <v>272</v>
      </c>
      <c r="B264" s="2" t="s">
        <v>280</v>
      </c>
      <c r="C264" s="3" t="s">
        <v>4</v>
      </c>
    </row>
    <row r="265" spans="1:3" ht="15" x14ac:dyDescent="0.2">
      <c r="A265" s="1">
        <v>273</v>
      </c>
      <c r="B265" s="2" t="s">
        <v>281</v>
      </c>
      <c r="C265" s="3" t="s">
        <v>22</v>
      </c>
    </row>
    <row r="266" spans="1:3" ht="15" x14ac:dyDescent="0.2">
      <c r="A266" s="1">
        <v>274</v>
      </c>
      <c r="B266" s="2" t="s">
        <v>282</v>
      </c>
      <c r="C266" s="3" t="s">
        <v>4</v>
      </c>
    </row>
    <row r="267" spans="1:3" ht="15" x14ac:dyDescent="0.2">
      <c r="A267" s="1">
        <v>275</v>
      </c>
      <c r="B267" s="2" t="s">
        <v>283</v>
      </c>
      <c r="C267" s="3" t="s">
        <v>4</v>
      </c>
    </row>
    <row r="268" spans="1:3" ht="15" x14ac:dyDescent="0.2">
      <c r="A268" s="1">
        <v>276</v>
      </c>
      <c r="B268" s="2" t="s">
        <v>284</v>
      </c>
      <c r="C268" s="3" t="s">
        <v>4</v>
      </c>
    </row>
    <row r="269" spans="1:3" ht="15" x14ac:dyDescent="0.2">
      <c r="A269" s="1">
        <v>277</v>
      </c>
      <c r="B269" s="2" t="s">
        <v>285</v>
      </c>
      <c r="C269" s="3" t="s">
        <v>15</v>
      </c>
    </row>
    <row r="270" spans="1:3" ht="15" x14ac:dyDescent="0.2">
      <c r="A270" s="1">
        <v>278</v>
      </c>
      <c r="B270" s="2" t="s">
        <v>286</v>
      </c>
      <c r="C270" s="3" t="s">
        <v>22</v>
      </c>
    </row>
    <row r="271" spans="1:3" ht="15" x14ac:dyDescent="0.2">
      <c r="A271" s="1">
        <v>279</v>
      </c>
      <c r="B271" s="2" t="s">
        <v>287</v>
      </c>
      <c r="C271" s="3" t="s">
        <v>4</v>
      </c>
    </row>
    <row r="272" spans="1:3" ht="15" x14ac:dyDescent="0.2">
      <c r="A272" s="1">
        <v>280</v>
      </c>
      <c r="B272" s="2" t="s">
        <v>288</v>
      </c>
      <c r="C272" s="3" t="s">
        <v>17</v>
      </c>
    </row>
    <row r="273" spans="1:3" ht="15" x14ac:dyDescent="0.2">
      <c r="A273" s="1">
        <v>281</v>
      </c>
      <c r="B273" s="2" t="s">
        <v>289</v>
      </c>
      <c r="C273" s="3" t="s">
        <v>4</v>
      </c>
    </row>
    <row r="274" spans="1:3" ht="15" x14ac:dyDescent="0.2">
      <c r="A274" s="1">
        <v>282</v>
      </c>
      <c r="B274" s="2" t="s">
        <v>290</v>
      </c>
      <c r="C274" s="3" t="s">
        <v>862</v>
      </c>
    </row>
    <row r="275" spans="1:3" ht="15" x14ac:dyDescent="0.2">
      <c r="A275" s="1">
        <v>283</v>
      </c>
      <c r="B275" s="2" t="s">
        <v>291</v>
      </c>
      <c r="C275" s="3" t="s">
        <v>24</v>
      </c>
    </row>
    <row r="276" spans="1:3" ht="15" x14ac:dyDescent="0.2">
      <c r="A276" s="1">
        <v>284</v>
      </c>
      <c r="B276" s="2" t="s">
        <v>292</v>
      </c>
      <c r="C276" s="3" t="s">
        <v>4</v>
      </c>
    </row>
    <row r="277" spans="1:3" ht="15" x14ac:dyDescent="0.2">
      <c r="A277" s="1">
        <v>285</v>
      </c>
      <c r="B277" s="2" t="s">
        <v>293</v>
      </c>
      <c r="C277" s="3" t="s">
        <v>4</v>
      </c>
    </row>
    <row r="278" spans="1:3" ht="15" x14ac:dyDescent="0.2">
      <c r="A278" s="1">
        <v>286</v>
      </c>
      <c r="B278" s="2" t="s">
        <v>294</v>
      </c>
      <c r="C278" s="3" t="s">
        <v>4</v>
      </c>
    </row>
    <row r="279" spans="1:3" ht="15" x14ac:dyDescent="0.2">
      <c r="A279" s="1">
        <v>287</v>
      </c>
      <c r="B279" s="2" t="s">
        <v>295</v>
      </c>
      <c r="C279" s="3" t="s">
        <v>20</v>
      </c>
    </row>
    <row r="280" spans="1:3" ht="15" x14ac:dyDescent="0.2">
      <c r="A280" s="1">
        <v>288</v>
      </c>
      <c r="B280" s="2" t="s">
        <v>296</v>
      </c>
      <c r="C280" s="3" t="s">
        <v>4</v>
      </c>
    </row>
    <row r="281" spans="1:3" ht="15" x14ac:dyDescent="0.2">
      <c r="A281" s="1">
        <v>289</v>
      </c>
      <c r="B281" s="2" t="s">
        <v>297</v>
      </c>
      <c r="C281" s="3" t="s">
        <v>24</v>
      </c>
    </row>
    <row r="282" spans="1:3" ht="15" x14ac:dyDescent="0.2">
      <c r="A282" s="1">
        <v>290</v>
      </c>
      <c r="B282" s="2" t="s">
        <v>298</v>
      </c>
      <c r="C282" s="3" t="s">
        <v>4</v>
      </c>
    </row>
    <row r="283" spans="1:3" ht="15" x14ac:dyDescent="0.2">
      <c r="A283" s="1">
        <v>291</v>
      </c>
      <c r="B283" s="2" t="s">
        <v>299</v>
      </c>
      <c r="C283" s="3" t="s">
        <v>20</v>
      </c>
    </row>
    <row r="284" spans="1:3" ht="15" x14ac:dyDescent="0.2">
      <c r="A284" s="1">
        <v>292</v>
      </c>
      <c r="B284" s="2" t="s">
        <v>300</v>
      </c>
      <c r="C284" s="3" t="s">
        <v>17</v>
      </c>
    </row>
    <row r="285" spans="1:3" ht="15" x14ac:dyDescent="0.2">
      <c r="A285" s="1">
        <v>293</v>
      </c>
      <c r="B285" s="2" t="s">
        <v>301</v>
      </c>
      <c r="C285" s="3" t="s">
        <v>15</v>
      </c>
    </row>
    <row r="286" spans="1:3" ht="15" x14ac:dyDescent="0.2">
      <c r="A286" s="1">
        <v>294</v>
      </c>
      <c r="B286" s="2" t="s">
        <v>302</v>
      </c>
      <c r="C286" s="3" t="s">
        <v>4</v>
      </c>
    </row>
    <row r="287" spans="1:3" ht="15" x14ac:dyDescent="0.2">
      <c r="A287" s="1">
        <v>295</v>
      </c>
      <c r="B287" s="2" t="s">
        <v>303</v>
      </c>
      <c r="C287" s="3" t="s">
        <v>4</v>
      </c>
    </row>
    <row r="288" spans="1:3" ht="15" x14ac:dyDescent="0.2">
      <c r="A288" s="1">
        <v>296</v>
      </c>
      <c r="B288" s="2" t="s">
        <v>304</v>
      </c>
      <c r="C288" s="3" t="s">
        <v>4</v>
      </c>
    </row>
    <row r="289" spans="1:3" ht="15" x14ac:dyDescent="0.2">
      <c r="A289" s="1">
        <v>297</v>
      </c>
      <c r="B289" s="2" t="s">
        <v>305</v>
      </c>
      <c r="C289" s="3" t="s">
        <v>306</v>
      </c>
    </row>
    <row r="290" spans="1:3" ht="15" x14ac:dyDescent="0.2">
      <c r="A290" s="1">
        <v>298</v>
      </c>
      <c r="B290" s="2" t="s">
        <v>307</v>
      </c>
      <c r="C290" s="3" t="s">
        <v>22</v>
      </c>
    </row>
    <row r="291" spans="1:3" ht="15" x14ac:dyDescent="0.2">
      <c r="A291" s="1">
        <v>299</v>
      </c>
      <c r="B291" s="2" t="s">
        <v>308</v>
      </c>
      <c r="C291" s="3" t="s">
        <v>20</v>
      </c>
    </row>
    <row r="292" spans="1:3" ht="15" x14ac:dyDescent="0.2">
      <c r="A292" s="1">
        <v>300</v>
      </c>
      <c r="B292" s="2" t="s">
        <v>309</v>
      </c>
      <c r="C292" s="3" t="s">
        <v>24</v>
      </c>
    </row>
    <row r="293" spans="1:3" ht="15" x14ac:dyDescent="0.2">
      <c r="A293" s="1">
        <v>301</v>
      </c>
      <c r="B293" s="2" t="s">
        <v>310</v>
      </c>
      <c r="C293" s="3" t="s">
        <v>4</v>
      </c>
    </row>
    <row r="294" spans="1:3" ht="15" x14ac:dyDescent="0.2">
      <c r="A294" s="1">
        <v>302</v>
      </c>
      <c r="B294" s="2" t="s">
        <v>311</v>
      </c>
      <c r="C294" s="3" t="s">
        <v>4</v>
      </c>
    </row>
    <row r="295" spans="1:3" ht="15" x14ac:dyDescent="0.2">
      <c r="A295" s="1">
        <v>303</v>
      </c>
      <c r="B295" s="2" t="s">
        <v>312</v>
      </c>
      <c r="C295" s="3" t="s">
        <v>20</v>
      </c>
    </row>
    <row r="296" spans="1:3" ht="15" x14ac:dyDescent="0.2">
      <c r="A296" s="1">
        <v>304</v>
      </c>
      <c r="B296" s="2" t="s">
        <v>313</v>
      </c>
      <c r="C296" s="3" t="s">
        <v>47</v>
      </c>
    </row>
    <row r="297" spans="1:3" ht="15" x14ac:dyDescent="0.2">
      <c r="A297" s="1">
        <v>305</v>
      </c>
      <c r="B297" s="2" t="s">
        <v>314</v>
      </c>
      <c r="C297" s="3" t="s">
        <v>22</v>
      </c>
    </row>
    <row r="298" spans="1:3" ht="15" x14ac:dyDescent="0.2">
      <c r="A298" s="1">
        <v>306</v>
      </c>
      <c r="B298" s="2" t="s">
        <v>315</v>
      </c>
      <c r="C298" s="3" t="s">
        <v>4</v>
      </c>
    </row>
    <row r="299" spans="1:3" ht="15" x14ac:dyDescent="0.2">
      <c r="A299" s="1">
        <v>307</v>
      </c>
      <c r="B299" s="2" t="s">
        <v>316</v>
      </c>
      <c r="C299" s="3" t="s">
        <v>4</v>
      </c>
    </row>
    <row r="300" spans="1:3" ht="15" x14ac:dyDescent="0.2">
      <c r="A300" s="1">
        <v>308</v>
      </c>
      <c r="B300" s="2" t="s">
        <v>317</v>
      </c>
      <c r="C300" s="3" t="s">
        <v>22</v>
      </c>
    </row>
    <row r="301" spans="1:3" ht="15" x14ac:dyDescent="0.2">
      <c r="A301" s="1">
        <v>309</v>
      </c>
      <c r="B301" s="2" t="s">
        <v>318</v>
      </c>
      <c r="C301" s="3" t="s">
        <v>4</v>
      </c>
    </row>
    <row r="302" spans="1:3" ht="15" x14ac:dyDescent="0.2">
      <c r="A302" s="1">
        <v>310</v>
      </c>
      <c r="B302" s="2" t="s">
        <v>319</v>
      </c>
      <c r="C302" s="3" t="s">
        <v>15</v>
      </c>
    </row>
    <row r="303" spans="1:3" ht="15" x14ac:dyDescent="0.2">
      <c r="A303" s="1">
        <v>311</v>
      </c>
      <c r="B303" s="2" t="s">
        <v>320</v>
      </c>
      <c r="C303" s="3" t="s">
        <v>24</v>
      </c>
    </row>
    <row r="304" spans="1:3" ht="15" x14ac:dyDescent="0.2">
      <c r="A304" s="1">
        <v>312</v>
      </c>
      <c r="B304" s="2" t="s">
        <v>321</v>
      </c>
      <c r="C304" s="3" t="s">
        <v>22</v>
      </c>
    </row>
    <row r="305" spans="1:3" ht="15" x14ac:dyDescent="0.2">
      <c r="A305" s="1">
        <v>313</v>
      </c>
      <c r="B305" s="2" t="s">
        <v>322</v>
      </c>
      <c r="C305" s="3" t="s">
        <v>22</v>
      </c>
    </row>
    <row r="306" spans="1:3" ht="15" x14ac:dyDescent="0.2">
      <c r="A306" s="1">
        <v>314</v>
      </c>
      <c r="B306" s="2" t="s">
        <v>323</v>
      </c>
      <c r="C306" s="3" t="s">
        <v>138</v>
      </c>
    </row>
    <row r="307" spans="1:3" ht="15" x14ac:dyDescent="0.2">
      <c r="A307" s="1">
        <v>315</v>
      </c>
      <c r="B307" s="2" t="s">
        <v>324</v>
      </c>
      <c r="C307" s="3" t="s">
        <v>22</v>
      </c>
    </row>
    <row r="308" spans="1:3" ht="15" x14ac:dyDescent="0.2">
      <c r="A308" s="1">
        <v>316</v>
      </c>
      <c r="B308" s="2" t="s">
        <v>325</v>
      </c>
      <c r="C308" s="3" t="s">
        <v>4</v>
      </c>
    </row>
    <row r="309" spans="1:3" ht="15" x14ac:dyDescent="0.2">
      <c r="A309" s="1">
        <v>317</v>
      </c>
      <c r="B309" s="2" t="s">
        <v>326</v>
      </c>
      <c r="C309" s="3" t="s">
        <v>4</v>
      </c>
    </row>
    <row r="310" spans="1:3" ht="15" x14ac:dyDescent="0.2">
      <c r="A310" s="1">
        <v>318</v>
      </c>
      <c r="B310" s="2" t="s">
        <v>327</v>
      </c>
      <c r="C310" s="3" t="s">
        <v>4</v>
      </c>
    </row>
    <row r="311" spans="1:3" ht="15" x14ac:dyDescent="0.2">
      <c r="A311" s="1">
        <v>319</v>
      </c>
      <c r="B311" s="2" t="s">
        <v>328</v>
      </c>
      <c r="C311" s="3" t="s">
        <v>113</v>
      </c>
    </row>
    <row r="312" spans="1:3" ht="15" x14ac:dyDescent="0.2">
      <c r="A312" s="1">
        <v>320</v>
      </c>
      <c r="B312" s="2" t="s">
        <v>329</v>
      </c>
      <c r="C312" s="3" t="s">
        <v>119</v>
      </c>
    </row>
    <row r="313" spans="1:3" ht="15" x14ac:dyDescent="0.2">
      <c r="A313" s="1">
        <v>321</v>
      </c>
      <c r="B313" s="2" t="s">
        <v>330</v>
      </c>
      <c r="C313" s="3" t="s">
        <v>4</v>
      </c>
    </row>
    <row r="314" spans="1:3" ht="15" x14ac:dyDescent="0.2">
      <c r="A314" s="1">
        <v>322</v>
      </c>
      <c r="B314" s="2" t="s">
        <v>331</v>
      </c>
      <c r="C314" s="3" t="s">
        <v>4</v>
      </c>
    </row>
    <row r="315" spans="1:3" ht="15" x14ac:dyDescent="0.2">
      <c r="A315" s="1">
        <v>323</v>
      </c>
      <c r="B315" s="2" t="s">
        <v>332</v>
      </c>
      <c r="C315" s="3" t="s">
        <v>4</v>
      </c>
    </row>
    <row r="316" spans="1:3" ht="15" x14ac:dyDescent="0.2">
      <c r="A316" s="1">
        <v>324</v>
      </c>
      <c r="B316" s="2" t="s">
        <v>333</v>
      </c>
      <c r="C316" s="3" t="s">
        <v>20</v>
      </c>
    </row>
    <row r="317" spans="1:3" ht="15" x14ac:dyDescent="0.2">
      <c r="A317" s="1">
        <v>325</v>
      </c>
      <c r="B317" s="2" t="s">
        <v>334</v>
      </c>
      <c r="C317" s="3" t="s">
        <v>24</v>
      </c>
    </row>
    <row r="318" spans="1:3" ht="15" x14ac:dyDescent="0.2">
      <c r="A318" s="1">
        <v>326</v>
      </c>
      <c r="B318" s="2" t="s">
        <v>335</v>
      </c>
      <c r="C318" s="3" t="s">
        <v>4</v>
      </c>
    </row>
    <row r="319" spans="1:3" ht="15" x14ac:dyDescent="0.2">
      <c r="A319" s="1">
        <v>327</v>
      </c>
      <c r="B319" s="2" t="s">
        <v>336</v>
      </c>
      <c r="C319" s="3" t="s">
        <v>4</v>
      </c>
    </row>
    <row r="320" spans="1:3" ht="15" x14ac:dyDescent="0.2">
      <c r="A320" s="1">
        <v>328</v>
      </c>
      <c r="B320" s="2" t="s">
        <v>337</v>
      </c>
      <c r="C320" s="3" t="s">
        <v>4</v>
      </c>
    </row>
    <row r="321" spans="1:3" ht="15" x14ac:dyDescent="0.2">
      <c r="A321" s="1">
        <v>329</v>
      </c>
      <c r="B321" s="2" t="s">
        <v>338</v>
      </c>
      <c r="C321" s="3" t="s">
        <v>47</v>
      </c>
    </row>
    <row r="322" spans="1:3" ht="15" x14ac:dyDescent="0.2">
      <c r="A322" s="1">
        <v>330</v>
      </c>
      <c r="B322" s="2" t="s">
        <v>339</v>
      </c>
      <c r="C322" s="3" t="s">
        <v>113</v>
      </c>
    </row>
    <row r="323" spans="1:3" ht="15" x14ac:dyDescent="0.2">
      <c r="A323" s="1">
        <v>331</v>
      </c>
      <c r="B323" s="2" t="s">
        <v>340</v>
      </c>
      <c r="C323" s="3" t="s">
        <v>17</v>
      </c>
    </row>
    <row r="324" spans="1:3" ht="15" x14ac:dyDescent="0.2">
      <c r="A324" s="1">
        <v>332</v>
      </c>
      <c r="B324" s="2" t="s">
        <v>341</v>
      </c>
      <c r="C324" s="3" t="s">
        <v>4</v>
      </c>
    </row>
    <row r="325" spans="1:3" ht="15" x14ac:dyDescent="0.2">
      <c r="A325" s="1">
        <v>333</v>
      </c>
      <c r="B325" s="2" t="s">
        <v>342</v>
      </c>
      <c r="C325" s="3" t="s">
        <v>4</v>
      </c>
    </row>
    <row r="326" spans="1:3" ht="15" x14ac:dyDescent="0.2">
      <c r="A326" s="1">
        <v>334</v>
      </c>
      <c r="B326" s="2" t="s">
        <v>343</v>
      </c>
      <c r="C326" s="3" t="s">
        <v>4</v>
      </c>
    </row>
    <row r="327" spans="1:3" ht="15" x14ac:dyDescent="0.2">
      <c r="A327" s="1">
        <v>335</v>
      </c>
      <c r="B327" s="2" t="s">
        <v>344</v>
      </c>
      <c r="C327" s="3" t="s">
        <v>4</v>
      </c>
    </row>
    <row r="328" spans="1:3" ht="15" x14ac:dyDescent="0.2">
      <c r="A328" s="1">
        <v>336</v>
      </c>
      <c r="B328" s="2" t="s">
        <v>345</v>
      </c>
      <c r="C328" s="3" t="s">
        <v>4</v>
      </c>
    </row>
    <row r="329" spans="1:3" ht="15" x14ac:dyDescent="0.2">
      <c r="A329" s="1">
        <v>337</v>
      </c>
      <c r="B329" s="2" t="s">
        <v>346</v>
      </c>
      <c r="C329" s="3" t="s">
        <v>4</v>
      </c>
    </row>
    <row r="330" spans="1:3" ht="15" x14ac:dyDescent="0.2">
      <c r="A330" s="1">
        <v>338</v>
      </c>
      <c r="B330" s="2" t="s">
        <v>347</v>
      </c>
      <c r="C330" s="3" t="s">
        <v>4</v>
      </c>
    </row>
    <row r="331" spans="1:3" ht="15" x14ac:dyDescent="0.2">
      <c r="A331" s="1">
        <v>339</v>
      </c>
      <c r="B331" s="2" t="s">
        <v>348</v>
      </c>
      <c r="C331" s="3" t="s">
        <v>4</v>
      </c>
    </row>
    <row r="332" spans="1:3" ht="15" x14ac:dyDescent="0.2">
      <c r="A332" s="1">
        <v>340</v>
      </c>
      <c r="B332" s="2" t="s">
        <v>349</v>
      </c>
      <c r="C332" s="3" t="s">
        <v>4</v>
      </c>
    </row>
    <row r="333" spans="1:3" ht="15" x14ac:dyDescent="0.2">
      <c r="A333" s="1">
        <v>341</v>
      </c>
      <c r="B333" s="2" t="s">
        <v>350</v>
      </c>
      <c r="C333" s="3" t="s">
        <v>20</v>
      </c>
    </row>
    <row r="334" spans="1:3" ht="15" x14ac:dyDescent="0.2">
      <c r="A334" s="1">
        <v>342</v>
      </c>
      <c r="B334" s="2" t="s">
        <v>351</v>
      </c>
      <c r="C334" s="3" t="s">
        <v>4</v>
      </c>
    </row>
    <row r="335" spans="1:3" ht="15" x14ac:dyDescent="0.2">
      <c r="A335" s="1">
        <v>343</v>
      </c>
      <c r="B335" s="2" t="s">
        <v>352</v>
      </c>
      <c r="C335" s="3" t="s">
        <v>82</v>
      </c>
    </row>
    <row r="336" spans="1:3" ht="15" x14ac:dyDescent="0.2">
      <c r="A336" s="1">
        <v>344</v>
      </c>
      <c r="B336" s="2" t="s">
        <v>353</v>
      </c>
      <c r="C336" s="3" t="s">
        <v>24</v>
      </c>
    </row>
    <row r="337" spans="1:3" ht="15" x14ac:dyDescent="0.2">
      <c r="A337" s="1">
        <v>345</v>
      </c>
      <c r="B337" s="2" t="s">
        <v>354</v>
      </c>
      <c r="C337" s="3" t="s">
        <v>4</v>
      </c>
    </row>
    <row r="338" spans="1:3" ht="15" x14ac:dyDescent="0.2">
      <c r="A338" s="1">
        <v>346</v>
      </c>
      <c r="B338" s="2" t="s">
        <v>355</v>
      </c>
      <c r="C338" s="3" t="s">
        <v>4</v>
      </c>
    </row>
    <row r="339" spans="1:3" ht="15" x14ac:dyDescent="0.2">
      <c r="A339" s="1">
        <v>347</v>
      </c>
      <c r="B339" s="2" t="s">
        <v>356</v>
      </c>
      <c r="C339" s="3" t="s">
        <v>4</v>
      </c>
    </row>
    <row r="340" spans="1:3" ht="15" x14ac:dyDescent="0.2">
      <c r="A340" s="1">
        <v>348</v>
      </c>
      <c r="B340" s="2" t="s">
        <v>357</v>
      </c>
      <c r="C340" s="3" t="s">
        <v>82</v>
      </c>
    </row>
    <row r="341" spans="1:3" ht="15" x14ac:dyDescent="0.2">
      <c r="A341" s="1">
        <v>349</v>
      </c>
      <c r="B341" s="2" t="s">
        <v>358</v>
      </c>
      <c r="C341" s="3" t="s">
        <v>4</v>
      </c>
    </row>
    <row r="342" spans="1:3" ht="15" x14ac:dyDescent="0.2">
      <c r="A342" s="1">
        <v>350</v>
      </c>
      <c r="B342" s="2" t="s">
        <v>359</v>
      </c>
      <c r="C342" s="3" t="s">
        <v>4</v>
      </c>
    </row>
    <row r="343" spans="1:3" ht="15" x14ac:dyDescent="0.2">
      <c r="A343" s="1">
        <v>351</v>
      </c>
      <c r="B343" s="2" t="s">
        <v>360</v>
      </c>
      <c r="C343" s="3" t="s">
        <v>4</v>
      </c>
    </row>
    <row r="344" spans="1:3" ht="15" x14ac:dyDescent="0.2">
      <c r="A344" s="1">
        <v>352</v>
      </c>
      <c r="B344" s="2" t="s">
        <v>361</v>
      </c>
      <c r="C344" s="3" t="s">
        <v>4</v>
      </c>
    </row>
    <row r="345" spans="1:3" ht="15" x14ac:dyDescent="0.2">
      <c r="A345" s="1">
        <v>353</v>
      </c>
      <c r="B345" s="2" t="s">
        <v>362</v>
      </c>
      <c r="C345" s="3" t="s">
        <v>4</v>
      </c>
    </row>
    <row r="346" spans="1:3" ht="15" x14ac:dyDescent="0.2">
      <c r="A346" s="1">
        <v>354</v>
      </c>
      <c r="B346" s="2" t="s">
        <v>363</v>
      </c>
      <c r="C346" s="3" t="s">
        <v>4</v>
      </c>
    </row>
    <row r="347" spans="1:3" ht="15" x14ac:dyDescent="0.2">
      <c r="A347" s="1">
        <v>355</v>
      </c>
      <c r="B347" s="2" t="s">
        <v>364</v>
      </c>
      <c r="C347" s="3" t="s">
        <v>4</v>
      </c>
    </row>
    <row r="348" spans="1:3" ht="15" x14ac:dyDescent="0.2">
      <c r="A348" s="1">
        <v>356</v>
      </c>
      <c r="B348" s="2" t="s">
        <v>365</v>
      </c>
      <c r="C348" s="3" t="s">
        <v>4</v>
      </c>
    </row>
    <row r="349" spans="1:3" ht="15" x14ac:dyDescent="0.2">
      <c r="A349" s="1">
        <v>357</v>
      </c>
      <c r="B349" s="2" t="s">
        <v>366</v>
      </c>
      <c r="C349" s="3" t="s">
        <v>22</v>
      </c>
    </row>
    <row r="350" spans="1:3" ht="15" x14ac:dyDescent="0.2">
      <c r="A350" s="1">
        <v>358</v>
      </c>
      <c r="B350" s="2" t="s">
        <v>367</v>
      </c>
      <c r="C350" s="3" t="s">
        <v>4</v>
      </c>
    </row>
    <row r="351" spans="1:3" ht="15" x14ac:dyDescent="0.2">
      <c r="A351" s="1">
        <v>359</v>
      </c>
      <c r="B351" s="2" t="s">
        <v>368</v>
      </c>
      <c r="C351" s="3" t="s">
        <v>4</v>
      </c>
    </row>
    <row r="352" spans="1:3" ht="15" x14ac:dyDescent="0.2">
      <c r="A352" s="1">
        <v>360</v>
      </c>
      <c r="B352" s="2" t="s">
        <v>369</v>
      </c>
      <c r="C352" s="3" t="s">
        <v>4</v>
      </c>
    </row>
    <row r="353" spans="1:3" ht="15" x14ac:dyDescent="0.2">
      <c r="A353" s="1">
        <v>361</v>
      </c>
      <c r="B353" s="2" t="s">
        <v>370</v>
      </c>
      <c r="C353" s="3" t="s">
        <v>4</v>
      </c>
    </row>
    <row r="354" spans="1:3" ht="15" x14ac:dyDescent="0.2">
      <c r="A354" s="1">
        <v>362</v>
      </c>
      <c r="B354" s="2" t="s">
        <v>371</v>
      </c>
      <c r="C354" s="3" t="s">
        <v>4</v>
      </c>
    </row>
    <row r="355" spans="1:3" ht="15" x14ac:dyDescent="0.2">
      <c r="A355" s="1">
        <v>363</v>
      </c>
      <c r="B355" s="2" t="s">
        <v>372</v>
      </c>
      <c r="C355" s="3" t="s">
        <v>4</v>
      </c>
    </row>
    <row r="356" spans="1:3" ht="15" x14ac:dyDescent="0.2">
      <c r="A356" s="1">
        <v>364</v>
      </c>
      <c r="B356" s="2" t="s">
        <v>373</v>
      </c>
      <c r="C356" s="3" t="s">
        <v>4</v>
      </c>
    </row>
    <row r="357" spans="1:3" ht="15" x14ac:dyDescent="0.2">
      <c r="A357" s="1">
        <v>365</v>
      </c>
      <c r="B357" s="2" t="s">
        <v>374</v>
      </c>
      <c r="C357" s="3" t="s">
        <v>20</v>
      </c>
    </row>
    <row r="358" spans="1:3" ht="15" x14ac:dyDescent="0.2">
      <c r="A358" s="1">
        <v>366</v>
      </c>
      <c r="B358" s="2" t="s">
        <v>375</v>
      </c>
      <c r="C358" s="3" t="s">
        <v>4</v>
      </c>
    </row>
    <row r="359" spans="1:3" ht="15" x14ac:dyDescent="0.2">
      <c r="A359" s="1">
        <v>367</v>
      </c>
      <c r="B359" s="2" t="s">
        <v>376</v>
      </c>
      <c r="C359" s="3" t="s">
        <v>4</v>
      </c>
    </row>
    <row r="360" spans="1:3" ht="15" x14ac:dyDescent="0.2">
      <c r="A360" s="1">
        <v>368</v>
      </c>
      <c r="B360" s="2" t="s">
        <v>377</v>
      </c>
      <c r="C360" s="3" t="s">
        <v>4</v>
      </c>
    </row>
    <row r="361" spans="1:3" ht="15" x14ac:dyDescent="0.2">
      <c r="A361" s="1">
        <v>369</v>
      </c>
      <c r="B361" s="2" t="s">
        <v>378</v>
      </c>
      <c r="C361" s="3" t="s">
        <v>13</v>
      </c>
    </row>
    <row r="362" spans="1:3" ht="15" x14ac:dyDescent="0.2">
      <c r="A362" s="1">
        <v>370</v>
      </c>
      <c r="B362" s="2" t="s">
        <v>379</v>
      </c>
      <c r="C362" s="3" t="s">
        <v>24</v>
      </c>
    </row>
    <row r="363" spans="1:3" ht="15" x14ac:dyDescent="0.2">
      <c r="A363" s="1">
        <v>371</v>
      </c>
      <c r="B363" s="2" t="s">
        <v>380</v>
      </c>
      <c r="C363" s="3" t="s">
        <v>4</v>
      </c>
    </row>
    <row r="364" spans="1:3" ht="15" x14ac:dyDescent="0.2">
      <c r="A364" s="1">
        <v>372</v>
      </c>
      <c r="B364" s="2" t="s">
        <v>381</v>
      </c>
      <c r="C364" s="3" t="s">
        <v>4</v>
      </c>
    </row>
    <row r="365" spans="1:3" ht="15" x14ac:dyDescent="0.2">
      <c r="A365" s="1">
        <v>373</v>
      </c>
      <c r="B365" s="2" t="s">
        <v>382</v>
      </c>
      <c r="C365" s="3" t="s">
        <v>4</v>
      </c>
    </row>
    <row r="366" spans="1:3" ht="15" x14ac:dyDescent="0.2">
      <c r="A366" s="1">
        <v>374</v>
      </c>
      <c r="B366" s="2" t="s">
        <v>383</v>
      </c>
      <c r="C366" s="3" t="s">
        <v>4</v>
      </c>
    </row>
    <row r="367" spans="1:3" ht="15" x14ac:dyDescent="0.2">
      <c r="A367" s="1">
        <v>375</v>
      </c>
      <c r="B367" s="2" t="s">
        <v>384</v>
      </c>
      <c r="C367" s="3" t="s">
        <v>4</v>
      </c>
    </row>
    <row r="368" spans="1:3" ht="15" x14ac:dyDescent="0.2">
      <c r="A368" s="1">
        <v>376</v>
      </c>
      <c r="B368" s="2" t="s">
        <v>385</v>
      </c>
      <c r="C368" s="3" t="s">
        <v>4</v>
      </c>
    </row>
    <row r="369" spans="1:3" ht="15" x14ac:dyDescent="0.2">
      <c r="A369" s="1">
        <v>377</v>
      </c>
      <c r="B369" s="2" t="s">
        <v>386</v>
      </c>
      <c r="C369" s="3" t="s">
        <v>4</v>
      </c>
    </row>
    <row r="370" spans="1:3" ht="15" x14ac:dyDescent="0.2">
      <c r="A370" s="1">
        <v>378</v>
      </c>
      <c r="B370" s="2" t="s">
        <v>387</v>
      </c>
      <c r="C370" s="3" t="s">
        <v>4</v>
      </c>
    </row>
    <row r="371" spans="1:3" ht="15" x14ac:dyDescent="0.2">
      <c r="A371" s="1">
        <v>379</v>
      </c>
      <c r="B371" s="2" t="s">
        <v>388</v>
      </c>
      <c r="C371" s="3" t="s">
        <v>4</v>
      </c>
    </row>
    <row r="372" spans="1:3" ht="15" x14ac:dyDescent="0.2">
      <c r="A372" s="1">
        <v>380</v>
      </c>
      <c r="B372" s="2" t="s">
        <v>389</v>
      </c>
      <c r="C372" s="3" t="s">
        <v>24</v>
      </c>
    </row>
    <row r="373" spans="1:3" ht="15" x14ac:dyDescent="0.2">
      <c r="A373" s="1">
        <v>381</v>
      </c>
      <c r="B373" s="2" t="s">
        <v>390</v>
      </c>
      <c r="C373" s="3" t="s">
        <v>4</v>
      </c>
    </row>
    <row r="374" spans="1:3" ht="15" x14ac:dyDescent="0.2">
      <c r="A374" s="1">
        <v>382</v>
      </c>
      <c r="B374" s="2" t="s">
        <v>391</v>
      </c>
      <c r="C374" s="3" t="s">
        <v>24</v>
      </c>
    </row>
    <row r="375" spans="1:3" ht="15" x14ac:dyDescent="0.2">
      <c r="A375" s="1">
        <v>383</v>
      </c>
      <c r="B375" s="2" t="s">
        <v>392</v>
      </c>
      <c r="C375" s="3" t="s">
        <v>13</v>
      </c>
    </row>
    <row r="376" spans="1:3" ht="15" x14ac:dyDescent="0.2">
      <c r="A376" s="1">
        <v>385</v>
      </c>
      <c r="B376" s="2" t="s">
        <v>393</v>
      </c>
      <c r="C376" s="3" t="s">
        <v>22</v>
      </c>
    </row>
    <row r="377" spans="1:3" ht="15" x14ac:dyDescent="0.2">
      <c r="A377" s="1">
        <v>388</v>
      </c>
      <c r="B377" s="2" t="s">
        <v>394</v>
      </c>
      <c r="C377" s="3" t="s">
        <v>4</v>
      </c>
    </row>
    <row r="378" spans="1:3" ht="15" x14ac:dyDescent="0.2">
      <c r="A378" s="1">
        <v>389</v>
      </c>
      <c r="B378" s="2" t="s">
        <v>395</v>
      </c>
      <c r="C378" s="3" t="s">
        <v>82</v>
      </c>
    </row>
    <row r="379" spans="1:3" ht="15" x14ac:dyDescent="0.2">
      <c r="A379" s="1">
        <v>390</v>
      </c>
      <c r="B379" s="2" t="s">
        <v>396</v>
      </c>
      <c r="C379" s="3" t="s">
        <v>20</v>
      </c>
    </row>
    <row r="380" spans="1:3" ht="15" x14ac:dyDescent="0.2">
      <c r="A380" s="1">
        <v>391</v>
      </c>
      <c r="B380" s="2" t="s">
        <v>397</v>
      </c>
      <c r="C380" s="3" t="s">
        <v>20</v>
      </c>
    </row>
    <row r="381" spans="1:3" ht="15" x14ac:dyDescent="0.2">
      <c r="A381" s="1">
        <v>392</v>
      </c>
      <c r="B381" s="2" t="s">
        <v>398</v>
      </c>
      <c r="C381" s="3" t="s">
        <v>15</v>
      </c>
    </row>
    <row r="382" spans="1:3" ht="15" x14ac:dyDescent="0.2">
      <c r="A382" s="1">
        <v>393</v>
      </c>
      <c r="B382" s="2" t="s">
        <v>399</v>
      </c>
      <c r="C382" s="3" t="s">
        <v>4</v>
      </c>
    </row>
    <row r="383" spans="1:3" ht="15" x14ac:dyDescent="0.2">
      <c r="A383" s="1">
        <v>394</v>
      </c>
      <c r="B383" s="2" t="s">
        <v>400</v>
      </c>
      <c r="C383" s="3" t="s">
        <v>4</v>
      </c>
    </row>
    <row r="384" spans="1:3" ht="15" x14ac:dyDescent="0.2">
      <c r="A384" s="1">
        <v>395</v>
      </c>
      <c r="B384" s="2" t="s">
        <v>401</v>
      </c>
      <c r="C384" s="3" t="s">
        <v>20</v>
      </c>
    </row>
    <row r="385" spans="1:3" ht="15" x14ac:dyDescent="0.2">
      <c r="A385" s="1">
        <v>396</v>
      </c>
      <c r="B385" s="2" t="s">
        <v>402</v>
      </c>
      <c r="C385" s="3" t="s">
        <v>4</v>
      </c>
    </row>
    <row r="386" spans="1:3" ht="15" x14ac:dyDescent="0.2">
      <c r="A386" s="1">
        <v>397</v>
      </c>
      <c r="B386" s="2" t="s">
        <v>403</v>
      </c>
      <c r="C386" s="3" t="s">
        <v>22</v>
      </c>
    </row>
    <row r="387" spans="1:3" ht="15" x14ac:dyDescent="0.2">
      <c r="A387" s="1">
        <v>400</v>
      </c>
      <c r="B387" s="2" t="s">
        <v>404</v>
      </c>
      <c r="C387" s="3" t="s">
        <v>17</v>
      </c>
    </row>
    <row r="388" spans="1:3" ht="15" x14ac:dyDescent="0.2">
      <c r="A388" s="1">
        <v>401</v>
      </c>
      <c r="B388" s="2" t="s">
        <v>405</v>
      </c>
      <c r="C388" s="3" t="s">
        <v>82</v>
      </c>
    </row>
    <row r="389" spans="1:3" ht="15" x14ac:dyDescent="0.2">
      <c r="A389" s="1">
        <v>402</v>
      </c>
      <c r="B389" s="2" t="s">
        <v>406</v>
      </c>
      <c r="C389" s="3" t="s">
        <v>22</v>
      </c>
    </row>
    <row r="390" spans="1:3" ht="15" x14ac:dyDescent="0.2">
      <c r="A390" s="1">
        <v>403</v>
      </c>
      <c r="B390" s="2" t="s">
        <v>407</v>
      </c>
      <c r="C390" s="3" t="s">
        <v>4</v>
      </c>
    </row>
    <row r="391" spans="1:3" ht="15" x14ac:dyDescent="0.2">
      <c r="A391" s="1">
        <v>404</v>
      </c>
      <c r="B391" s="2" t="s">
        <v>408</v>
      </c>
      <c r="C391" s="3" t="s">
        <v>22</v>
      </c>
    </row>
    <row r="392" spans="1:3" ht="15" x14ac:dyDescent="0.2">
      <c r="A392" s="1">
        <v>405</v>
      </c>
      <c r="B392" s="2" t="s">
        <v>409</v>
      </c>
      <c r="C392" s="3" t="s">
        <v>4</v>
      </c>
    </row>
    <row r="393" spans="1:3" ht="15" x14ac:dyDescent="0.2">
      <c r="A393" s="1">
        <v>406</v>
      </c>
      <c r="B393" s="2" t="s">
        <v>410</v>
      </c>
      <c r="C393" s="3" t="s">
        <v>17</v>
      </c>
    </row>
    <row r="394" spans="1:3" ht="15" x14ac:dyDescent="0.2">
      <c r="A394" s="1">
        <v>407</v>
      </c>
      <c r="B394" s="2" t="s">
        <v>411</v>
      </c>
      <c r="C394" s="3" t="s">
        <v>4</v>
      </c>
    </row>
    <row r="395" spans="1:3" ht="15" x14ac:dyDescent="0.2">
      <c r="A395" s="1">
        <v>408</v>
      </c>
      <c r="B395" s="2" t="s">
        <v>412</v>
      </c>
      <c r="C395" s="3" t="s">
        <v>4</v>
      </c>
    </row>
    <row r="396" spans="1:3" ht="15" x14ac:dyDescent="0.2">
      <c r="A396" s="1">
        <v>409</v>
      </c>
      <c r="B396" s="2" t="s">
        <v>413</v>
      </c>
      <c r="C396" s="3" t="s">
        <v>4</v>
      </c>
    </row>
    <row r="397" spans="1:3" ht="15" x14ac:dyDescent="0.2">
      <c r="A397" s="1">
        <v>410</v>
      </c>
      <c r="B397" s="2" t="s">
        <v>414</v>
      </c>
      <c r="C397" s="3" t="s">
        <v>47</v>
      </c>
    </row>
    <row r="398" spans="1:3" ht="15" x14ac:dyDescent="0.2">
      <c r="A398" s="1">
        <v>411</v>
      </c>
      <c r="B398" s="2" t="s">
        <v>415</v>
      </c>
      <c r="C398" s="3" t="s">
        <v>47</v>
      </c>
    </row>
    <row r="399" spans="1:3" ht="15" x14ac:dyDescent="0.2">
      <c r="A399" s="1">
        <v>413</v>
      </c>
      <c r="B399" s="2" t="s">
        <v>416</v>
      </c>
      <c r="C399" s="3" t="s">
        <v>4</v>
      </c>
    </row>
    <row r="400" spans="1:3" ht="15" x14ac:dyDescent="0.2">
      <c r="A400" s="1">
        <v>414</v>
      </c>
      <c r="B400" s="2" t="s">
        <v>417</v>
      </c>
      <c r="C400" s="3" t="s">
        <v>17</v>
      </c>
    </row>
    <row r="401" spans="1:3" ht="15" x14ac:dyDescent="0.2">
      <c r="A401" s="1">
        <v>415</v>
      </c>
      <c r="B401" s="2" t="s">
        <v>418</v>
      </c>
      <c r="C401" s="3" t="s">
        <v>4</v>
      </c>
    </row>
    <row r="402" spans="1:3" ht="15" x14ac:dyDescent="0.2">
      <c r="A402" s="1">
        <v>416</v>
      </c>
      <c r="B402" s="2" t="s">
        <v>419</v>
      </c>
      <c r="C402" s="3" t="s">
        <v>13</v>
      </c>
    </row>
    <row r="403" spans="1:3" ht="15" x14ac:dyDescent="0.2">
      <c r="A403" s="1">
        <v>417</v>
      </c>
      <c r="B403" s="2" t="s">
        <v>420</v>
      </c>
      <c r="C403" s="3" t="s">
        <v>4</v>
      </c>
    </row>
    <row r="404" spans="1:3" ht="15" x14ac:dyDescent="0.2">
      <c r="A404" s="1">
        <v>418</v>
      </c>
      <c r="B404" s="2" t="s">
        <v>421</v>
      </c>
      <c r="C404" s="3" t="s">
        <v>4</v>
      </c>
    </row>
    <row r="405" spans="1:3" ht="15" x14ac:dyDescent="0.2">
      <c r="A405" s="1">
        <v>419</v>
      </c>
      <c r="B405" s="2" t="s">
        <v>422</v>
      </c>
      <c r="C405" s="3" t="s">
        <v>4</v>
      </c>
    </row>
    <row r="406" spans="1:3" ht="15" x14ac:dyDescent="0.2">
      <c r="A406" s="1">
        <v>420</v>
      </c>
      <c r="B406" s="2" t="s">
        <v>423</v>
      </c>
      <c r="C406" s="3" t="s">
        <v>4</v>
      </c>
    </row>
    <row r="407" spans="1:3" ht="15" x14ac:dyDescent="0.2">
      <c r="A407" s="1">
        <v>422</v>
      </c>
      <c r="B407" s="2" t="s">
        <v>424</v>
      </c>
      <c r="C407" s="3" t="s">
        <v>4</v>
      </c>
    </row>
    <row r="408" spans="1:3" ht="15" x14ac:dyDescent="0.2">
      <c r="A408" s="1">
        <v>423</v>
      </c>
      <c r="B408" s="2" t="s">
        <v>425</v>
      </c>
      <c r="C408" s="3" t="s">
        <v>24</v>
      </c>
    </row>
    <row r="409" spans="1:3" ht="15" x14ac:dyDescent="0.2">
      <c r="A409" s="1">
        <v>424</v>
      </c>
      <c r="B409" s="2" t="s">
        <v>426</v>
      </c>
      <c r="C409" s="3" t="s">
        <v>11</v>
      </c>
    </row>
    <row r="410" spans="1:3" ht="15" x14ac:dyDescent="0.2">
      <c r="A410" s="1">
        <v>425</v>
      </c>
      <c r="B410" s="2" t="s">
        <v>427</v>
      </c>
      <c r="C410" s="3" t="s">
        <v>20</v>
      </c>
    </row>
    <row r="411" spans="1:3" ht="15" x14ac:dyDescent="0.2">
      <c r="A411" s="1">
        <v>426</v>
      </c>
      <c r="B411" s="2" t="s">
        <v>428</v>
      </c>
      <c r="C411" s="3" t="s">
        <v>15</v>
      </c>
    </row>
    <row r="412" spans="1:3" ht="15" x14ac:dyDescent="0.2">
      <c r="A412" s="1">
        <v>427</v>
      </c>
      <c r="B412" s="2" t="s">
        <v>429</v>
      </c>
      <c r="C412" s="3" t="s">
        <v>4</v>
      </c>
    </row>
    <row r="413" spans="1:3" ht="15" x14ac:dyDescent="0.2">
      <c r="A413" s="1">
        <v>428</v>
      </c>
      <c r="B413" s="2" t="s">
        <v>430</v>
      </c>
      <c r="C413" s="3" t="s">
        <v>4</v>
      </c>
    </row>
    <row r="414" spans="1:3" ht="15" x14ac:dyDescent="0.2">
      <c r="A414" s="1">
        <v>429</v>
      </c>
      <c r="B414" s="2" t="s">
        <v>431</v>
      </c>
      <c r="C414" s="3" t="s">
        <v>4</v>
      </c>
    </row>
    <row r="415" spans="1:3" ht="15" x14ac:dyDescent="0.2">
      <c r="A415" s="1">
        <v>430</v>
      </c>
      <c r="B415" s="2" t="s">
        <v>432</v>
      </c>
      <c r="C415" s="3" t="s">
        <v>4</v>
      </c>
    </row>
    <row r="416" spans="1:3" ht="15" x14ac:dyDescent="0.2">
      <c r="A416" s="1">
        <v>431</v>
      </c>
      <c r="B416" s="2" t="s">
        <v>433</v>
      </c>
      <c r="C416" s="3" t="s">
        <v>4</v>
      </c>
    </row>
    <row r="417" spans="1:3" ht="15" x14ac:dyDescent="0.2">
      <c r="A417" s="1">
        <v>432</v>
      </c>
      <c r="B417" s="2" t="s">
        <v>434</v>
      </c>
      <c r="C417" s="3" t="s">
        <v>140</v>
      </c>
    </row>
    <row r="418" spans="1:3" ht="15" x14ac:dyDescent="0.2">
      <c r="A418" s="1">
        <v>433</v>
      </c>
      <c r="B418" s="2" t="s">
        <v>435</v>
      </c>
      <c r="C418" s="3" t="s">
        <v>4</v>
      </c>
    </row>
    <row r="419" spans="1:3" ht="15" x14ac:dyDescent="0.2">
      <c r="A419" s="1">
        <v>434</v>
      </c>
      <c r="B419" s="2" t="s">
        <v>436</v>
      </c>
      <c r="C419" s="3" t="s">
        <v>113</v>
      </c>
    </row>
    <row r="420" spans="1:3" ht="15" x14ac:dyDescent="0.2">
      <c r="A420" s="1">
        <v>435</v>
      </c>
      <c r="B420" s="2" t="s">
        <v>437</v>
      </c>
      <c r="C420" s="3" t="s">
        <v>4</v>
      </c>
    </row>
    <row r="421" spans="1:3" ht="15" x14ac:dyDescent="0.2">
      <c r="A421" s="1">
        <v>436</v>
      </c>
      <c r="B421" s="2" t="s">
        <v>438</v>
      </c>
      <c r="C421" s="3" t="s">
        <v>4</v>
      </c>
    </row>
    <row r="422" spans="1:3" ht="15" x14ac:dyDescent="0.2">
      <c r="A422" s="1">
        <v>437</v>
      </c>
      <c r="B422" s="2" t="s">
        <v>439</v>
      </c>
      <c r="C422" s="3" t="s">
        <v>4</v>
      </c>
    </row>
    <row r="423" spans="1:3" ht="15" x14ac:dyDescent="0.2">
      <c r="A423" s="1">
        <v>438</v>
      </c>
      <c r="B423" s="2" t="s">
        <v>440</v>
      </c>
      <c r="C423" s="3" t="s">
        <v>22</v>
      </c>
    </row>
    <row r="424" spans="1:3" ht="15" x14ac:dyDescent="0.2">
      <c r="A424" s="1">
        <v>439</v>
      </c>
      <c r="B424" s="2" t="s">
        <v>441</v>
      </c>
      <c r="C424" s="3" t="s">
        <v>22</v>
      </c>
    </row>
    <row r="425" spans="1:3" ht="15" x14ac:dyDescent="0.2">
      <c r="A425" s="1">
        <v>440</v>
      </c>
      <c r="B425" s="2" t="s">
        <v>442</v>
      </c>
      <c r="C425" s="3" t="s">
        <v>24</v>
      </c>
    </row>
    <row r="426" spans="1:3" ht="15" x14ac:dyDescent="0.2">
      <c r="A426" s="1">
        <v>441</v>
      </c>
      <c r="B426" s="2" t="s">
        <v>443</v>
      </c>
      <c r="C426" s="3" t="s">
        <v>24</v>
      </c>
    </row>
    <row r="427" spans="1:3" ht="15" x14ac:dyDescent="0.2">
      <c r="A427" s="1">
        <v>442</v>
      </c>
      <c r="B427" s="2" t="s">
        <v>444</v>
      </c>
      <c r="C427" s="3" t="s">
        <v>15</v>
      </c>
    </row>
    <row r="428" spans="1:3" ht="15" x14ac:dyDescent="0.2">
      <c r="A428" s="1">
        <v>443</v>
      </c>
      <c r="B428" s="2" t="s">
        <v>445</v>
      </c>
      <c r="C428" s="3" t="s">
        <v>17</v>
      </c>
    </row>
    <row r="429" spans="1:3" ht="15" x14ac:dyDescent="0.2">
      <c r="A429" s="1">
        <v>444</v>
      </c>
      <c r="B429" s="2" t="s">
        <v>446</v>
      </c>
      <c r="C429" s="3" t="s">
        <v>15</v>
      </c>
    </row>
    <row r="430" spans="1:3" ht="15" x14ac:dyDescent="0.2">
      <c r="A430" s="1">
        <v>445</v>
      </c>
      <c r="B430" s="2" t="s">
        <v>447</v>
      </c>
      <c r="C430" s="3" t="s">
        <v>15</v>
      </c>
    </row>
    <row r="431" spans="1:3" ht="15" x14ac:dyDescent="0.2">
      <c r="A431" s="1">
        <v>446</v>
      </c>
      <c r="B431" s="2" t="s">
        <v>448</v>
      </c>
      <c r="C431" s="3" t="s">
        <v>4</v>
      </c>
    </row>
    <row r="432" spans="1:3" ht="15" x14ac:dyDescent="0.2">
      <c r="A432" s="1">
        <v>447</v>
      </c>
      <c r="B432" s="2" t="s">
        <v>449</v>
      </c>
      <c r="C432" s="3" t="s">
        <v>20</v>
      </c>
    </row>
    <row r="433" spans="1:3" ht="15" x14ac:dyDescent="0.2">
      <c r="A433" s="1">
        <v>448</v>
      </c>
      <c r="B433" s="2" t="s">
        <v>450</v>
      </c>
      <c r="C433" s="3" t="s">
        <v>451</v>
      </c>
    </row>
    <row r="434" spans="1:3" ht="15" x14ac:dyDescent="0.2">
      <c r="A434" s="1">
        <v>449</v>
      </c>
      <c r="B434" s="2" t="s">
        <v>452</v>
      </c>
      <c r="C434" s="3" t="s">
        <v>451</v>
      </c>
    </row>
    <row r="435" spans="1:3" ht="15" x14ac:dyDescent="0.2">
      <c r="A435" s="1">
        <v>450</v>
      </c>
      <c r="B435" s="2" t="s">
        <v>453</v>
      </c>
      <c r="C435" s="3" t="s">
        <v>22</v>
      </c>
    </row>
    <row r="436" spans="1:3" ht="15" x14ac:dyDescent="0.2">
      <c r="A436" s="1">
        <v>451</v>
      </c>
      <c r="B436" s="2" t="s">
        <v>454</v>
      </c>
      <c r="C436" s="3" t="s">
        <v>17</v>
      </c>
    </row>
    <row r="437" spans="1:3" ht="15" x14ac:dyDescent="0.2">
      <c r="A437" s="1">
        <v>452</v>
      </c>
      <c r="B437" s="2" t="s">
        <v>455</v>
      </c>
      <c r="C437" s="3" t="s">
        <v>4</v>
      </c>
    </row>
    <row r="438" spans="1:3" ht="15" x14ac:dyDescent="0.2">
      <c r="A438" s="1">
        <v>453</v>
      </c>
      <c r="B438" s="2" t="s">
        <v>456</v>
      </c>
      <c r="C438" s="3" t="s">
        <v>4</v>
      </c>
    </row>
    <row r="439" spans="1:3" ht="15" x14ac:dyDescent="0.2">
      <c r="A439" s="1">
        <v>454</v>
      </c>
      <c r="B439" s="2" t="s">
        <v>457</v>
      </c>
      <c r="C439" s="3" t="s">
        <v>4</v>
      </c>
    </row>
    <row r="440" spans="1:3" ht="15" x14ac:dyDescent="0.2">
      <c r="A440" s="1">
        <v>455</v>
      </c>
      <c r="B440" s="2" t="s">
        <v>458</v>
      </c>
      <c r="C440" s="3" t="s">
        <v>119</v>
      </c>
    </row>
    <row r="441" spans="1:3" ht="15" x14ac:dyDescent="0.2">
      <c r="A441" s="1">
        <v>456</v>
      </c>
      <c r="B441" s="2" t="s">
        <v>459</v>
      </c>
      <c r="C441" s="3" t="s">
        <v>4</v>
      </c>
    </row>
    <row r="442" spans="1:3" ht="15" x14ac:dyDescent="0.2">
      <c r="A442" s="1">
        <v>457</v>
      </c>
      <c r="B442" s="2" t="s">
        <v>460</v>
      </c>
      <c r="C442" s="3" t="s">
        <v>24</v>
      </c>
    </row>
    <row r="443" spans="1:3" ht="15" x14ac:dyDescent="0.2">
      <c r="A443" s="1">
        <v>458</v>
      </c>
      <c r="B443" s="2" t="s">
        <v>461</v>
      </c>
      <c r="C443" s="3" t="s">
        <v>24</v>
      </c>
    </row>
    <row r="444" spans="1:3" ht="15" x14ac:dyDescent="0.2">
      <c r="A444" s="1">
        <v>459</v>
      </c>
      <c r="B444" s="2" t="s">
        <v>462</v>
      </c>
      <c r="C444" s="3" t="s">
        <v>24</v>
      </c>
    </row>
    <row r="445" spans="1:3" ht="15" x14ac:dyDescent="0.2">
      <c r="A445" s="1">
        <v>460</v>
      </c>
      <c r="B445" s="2" t="s">
        <v>463</v>
      </c>
      <c r="C445" s="3" t="s">
        <v>24</v>
      </c>
    </row>
    <row r="446" spans="1:3" ht="15" x14ac:dyDescent="0.2">
      <c r="A446" s="1">
        <v>461</v>
      </c>
      <c r="B446" s="2" t="s">
        <v>464</v>
      </c>
      <c r="C446" s="3" t="s">
        <v>24</v>
      </c>
    </row>
    <row r="447" spans="1:3" ht="15" x14ac:dyDescent="0.2">
      <c r="A447" s="1">
        <v>462</v>
      </c>
      <c r="B447" s="2" t="s">
        <v>465</v>
      </c>
      <c r="C447" s="3" t="s">
        <v>4</v>
      </c>
    </row>
    <row r="448" spans="1:3" ht="15" x14ac:dyDescent="0.2">
      <c r="A448" s="1">
        <v>463</v>
      </c>
      <c r="B448" s="2" t="s">
        <v>466</v>
      </c>
      <c r="C448" s="3" t="s">
        <v>4</v>
      </c>
    </row>
    <row r="449" spans="1:3" ht="15" x14ac:dyDescent="0.2">
      <c r="A449" s="1">
        <v>465</v>
      </c>
      <c r="B449" s="2" t="s">
        <v>467</v>
      </c>
      <c r="C449" s="3" t="s">
        <v>47</v>
      </c>
    </row>
    <row r="450" spans="1:3" ht="15" x14ac:dyDescent="0.2">
      <c r="A450" s="1">
        <v>466</v>
      </c>
      <c r="B450" s="2" t="s">
        <v>468</v>
      </c>
      <c r="C450" s="3" t="s">
        <v>4</v>
      </c>
    </row>
    <row r="451" spans="1:3" ht="15" x14ac:dyDescent="0.2">
      <c r="A451" s="1">
        <v>467</v>
      </c>
      <c r="B451" s="2" t="s">
        <v>469</v>
      </c>
      <c r="C451" s="3" t="s">
        <v>865</v>
      </c>
    </row>
    <row r="452" spans="1:3" ht="15" x14ac:dyDescent="0.2">
      <c r="A452" s="1">
        <v>468</v>
      </c>
      <c r="B452" s="2" t="s">
        <v>470</v>
      </c>
      <c r="C452" s="3" t="s">
        <v>4</v>
      </c>
    </row>
    <row r="453" spans="1:3" ht="15" x14ac:dyDescent="0.2">
      <c r="A453" s="1">
        <v>469</v>
      </c>
      <c r="B453" s="2" t="s">
        <v>471</v>
      </c>
      <c r="C453" s="3" t="s">
        <v>47</v>
      </c>
    </row>
    <row r="454" spans="1:3" ht="15" x14ac:dyDescent="0.2">
      <c r="A454" s="1">
        <v>470</v>
      </c>
      <c r="B454" s="2" t="s">
        <v>472</v>
      </c>
      <c r="C454" s="3" t="s">
        <v>140</v>
      </c>
    </row>
    <row r="455" spans="1:3" ht="15" x14ac:dyDescent="0.2">
      <c r="A455" s="1">
        <v>471</v>
      </c>
      <c r="B455" s="2" t="s">
        <v>473</v>
      </c>
      <c r="C455" s="3" t="s">
        <v>47</v>
      </c>
    </row>
    <row r="456" spans="1:3" ht="15" x14ac:dyDescent="0.2">
      <c r="A456" s="1">
        <v>472</v>
      </c>
      <c r="B456" s="2" t="s">
        <v>474</v>
      </c>
      <c r="C456" s="3" t="s">
        <v>47</v>
      </c>
    </row>
    <row r="457" spans="1:3" ht="15" x14ac:dyDescent="0.2">
      <c r="A457" s="1">
        <v>473</v>
      </c>
      <c r="B457" s="2" t="s">
        <v>475</v>
      </c>
      <c r="C457" s="3" t="s">
        <v>15</v>
      </c>
    </row>
    <row r="458" spans="1:3" ht="15" x14ac:dyDescent="0.2">
      <c r="A458" s="1">
        <v>474</v>
      </c>
      <c r="B458" s="2" t="s">
        <v>476</v>
      </c>
      <c r="C458" s="3" t="s">
        <v>13</v>
      </c>
    </row>
    <row r="459" spans="1:3" ht="15" x14ac:dyDescent="0.2">
      <c r="A459" s="1">
        <v>475</v>
      </c>
      <c r="B459" s="2" t="s">
        <v>477</v>
      </c>
      <c r="C459" s="3" t="s">
        <v>4</v>
      </c>
    </row>
    <row r="460" spans="1:3" ht="15" x14ac:dyDescent="0.2">
      <c r="A460" s="1">
        <v>476</v>
      </c>
      <c r="B460" s="2" t="s">
        <v>478</v>
      </c>
      <c r="C460" s="3" t="s">
        <v>22</v>
      </c>
    </row>
    <row r="461" spans="1:3" ht="15" x14ac:dyDescent="0.2">
      <c r="A461" s="1">
        <v>477</v>
      </c>
      <c r="B461" s="2" t="s">
        <v>479</v>
      </c>
      <c r="C461" s="3" t="s">
        <v>4</v>
      </c>
    </row>
    <row r="462" spans="1:3" ht="15" x14ac:dyDescent="0.2">
      <c r="A462" s="1">
        <v>478</v>
      </c>
      <c r="B462" s="2" t="s">
        <v>480</v>
      </c>
      <c r="C462" s="3" t="s">
        <v>4</v>
      </c>
    </row>
    <row r="463" spans="1:3" ht="15" x14ac:dyDescent="0.2">
      <c r="A463" s="1">
        <v>479</v>
      </c>
      <c r="B463" s="2" t="s">
        <v>481</v>
      </c>
      <c r="C463" s="3" t="s">
        <v>51</v>
      </c>
    </row>
    <row r="464" spans="1:3" ht="15" x14ac:dyDescent="0.2">
      <c r="A464" s="1">
        <v>480</v>
      </c>
      <c r="B464" s="2" t="s">
        <v>482</v>
      </c>
      <c r="C464" s="3" t="s">
        <v>4</v>
      </c>
    </row>
    <row r="465" spans="1:3" ht="15" x14ac:dyDescent="0.2">
      <c r="A465" s="1">
        <v>481</v>
      </c>
      <c r="B465" s="2" t="s">
        <v>483</v>
      </c>
      <c r="C465" s="3" t="s">
        <v>4</v>
      </c>
    </row>
    <row r="466" spans="1:3" ht="15" x14ac:dyDescent="0.2">
      <c r="A466" s="1">
        <v>482</v>
      </c>
      <c r="B466" s="2" t="s">
        <v>484</v>
      </c>
      <c r="C466" s="3" t="s">
        <v>4</v>
      </c>
    </row>
    <row r="467" spans="1:3" ht="15" x14ac:dyDescent="0.2">
      <c r="A467" s="1">
        <v>483</v>
      </c>
      <c r="B467" s="2" t="s">
        <v>485</v>
      </c>
      <c r="C467" s="3" t="s">
        <v>22</v>
      </c>
    </row>
    <row r="468" spans="1:3" ht="15" x14ac:dyDescent="0.2">
      <c r="A468" s="1">
        <v>484</v>
      </c>
      <c r="B468" s="2" t="s">
        <v>486</v>
      </c>
      <c r="C468" s="3" t="s">
        <v>22</v>
      </c>
    </row>
    <row r="469" spans="1:3" ht="15" x14ac:dyDescent="0.2">
      <c r="A469" s="1">
        <v>485</v>
      </c>
      <c r="B469" s="2" t="s">
        <v>487</v>
      </c>
      <c r="C469" s="3" t="s">
        <v>4</v>
      </c>
    </row>
    <row r="470" spans="1:3" ht="15" x14ac:dyDescent="0.2">
      <c r="A470" s="1">
        <v>486</v>
      </c>
      <c r="B470" s="2" t="s">
        <v>488</v>
      </c>
      <c r="C470" s="3" t="s">
        <v>47</v>
      </c>
    </row>
    <row r="471" spans="1:3" ht="15" x14ac:dyDescent="0.2">
      <c r="A471" s="1">
        <v>487</v>
      </c>
      <c r="B471" s="2" t="s">
        <v>489</v>
      </c>
      <c r="C471" s="3" t="s">
        <v>4</v>
      </c>
    </row>
    <row r="472" spans="1:3" ht="15" x14ac:dyDescent="0.2">
      <c r="A472" s="1">
        <v>488</v>
      </c>
      <c r="B472" s="2" t="s">
        <v>490</v>
      </c>
      <c r="C472" s="3" t="s">
        <v>4</v>
      </c>
    </row>
    <row r="473" spans="1:3" ht="15" x14ac:dyDescent="0.2">
      <c r="A473" s="1">
        <v>489</v>
      </c>
      <c r="B473" s="2" t="s">
        <v>491</v>
      </c>
      <c r="C473" s="3" t="s">
        <v>864</v>
      </c>
    </row>
    <row r="474" spans="1:3" ht="15" x14ac:dyDescent="0.2">
      <c r="A474" s="1">
        <v>490</v>
      </c>
      <c r="B474" s="2" t="s">
        <v>492</v>
      </c>
      <c r="C474" s="3" t="s">
        <v>15</v>
      </c>
    </row>
    <row r="475" spans="1:3" ht="15" x14ac:dyDescent="0.2">
      <c r="A475" s="1">
        <v>491</v>
      </c>
      <c r="B475" s="2" t="s">
        <v>493</v>
      </c>
      <c r="C475" s="3" t="s">
        <v>494</v>
      </c>
    </row>
    <row r="476" spans="1:3" ht="15" x14ac:dyDescent="0.2">
      <c r="A476" s="1">
        <v>492</v>
      </c>
      <c r="B476" s="2" t="s">
        <v>495</v>
      </c>
      <c r="C476" s="3" t="s">
        <v>24</v>
      </c>
    </row>
    <row r="477" spans="1:3" ht="15" x14ac:dyDescent="0.2">
      <c r="A477" s="1">
        <v>493</v>
      </c>
      <c r="B477" s="2" t="s">
        <v>496</v>
      </c>
      <c r="C477" s="3" t="s">
        <v>4</v>
      </c>
    </row>
    <row r="478" spans="1:3" ht="15" x14ac:dyDescent="0.2">
      <c r="A478" s="1">
        <v>494</v>
      </c>
      <c r="B478" s="2" t="s">
        <v>497</v>
      </c>
      <c r="C478" s="3" t="s">
        <v>54</v>
      </c>
    </row>
    <row r="479" spans="1:3" ht="15" x14ac:dyDescent="0.2">
      <c r="A479" s="1">
        <v>495</v>
      </c>
      <c r="B479" s="2" t="s">
        <v>498</v>
      </c>
      <c r="C479" s="3" t="s">
        <v>4</v>
      </c>
    </row>
    <row r="480" spans="1:3" ht="15" x14ac:dyDescent="0.2">
      <c r="A480" s="1">
        <v>496</v>
      </c>
      <c r="B480" s="2" t="s">
        <v>499</v>
      </c>
      <c r="C480" s="3" t="s">
        <v>4</v>
      </c>
    </row>
    <row r="481" spans="1:3" ht="15" x14ac:dyDescent="0.2">
      <c r="A481" s="1">
        <v>497</v>
      </c>
      <c r="B481" s="2" t="s">
        <v>500</v>
      </c>
      <c r="C481" s="3" t="s">
        <v>866</v>
      </c>
    </row>
    <row r="482" spans="1:3" ht="15" x14ac:dyDescent="0.2">
      <c r="A482" s="1">
        <v>498</v>
      </c>
      <c r="B482" s="2" t="s">
        <v>501</v>
      </c>
      <c r="C482" s="3" t="s">
        <v>15</v>
      </c>
    </row>
    <row r="483" spans="1:3" ht="15" x14ac:dyDescent="0.2">
      <c r="A483" s="1">
        <v>499</v>
      </c>
      <c r="B483" s="2" t="s">
        <v>502</v>
      </c>
      <c r="C483" s="3" t="s">
        <v>82</v>
      </c>
    </row>
    <row r="484" spans="1:3" ht="15" x14ac:dyDescent="0.2">
      <c r="A484" s="1">
        <v>501</v>
      </c>
      <c r="B484" s="2" t="s">
        <v>503</v>
      </c>
      <c r="C484" s="3" t="s">
        <v>4</v>
      </c>
    </row>
    <row r="485" spans="1:3" ht="15" x14ac:dyDescent="0.2">
      <c r="A485" s="1">
        <v>502</v>
      </c>
      <c r="B485" s="2" t="s">
        <v>504</v>
      </c>
      <c r="C485" s="3" t="s">
        <v>4</v>
      </c>
    </row>
    <row r="486" spans="1:3" ht="15" x14ac:dyDescent="0.2">
      <c r="A486" s="1">
        <v>503</v>
      </c>
      <c r="B486" s="2" t="s">
        <v>505</v>
      </c>
      <c r="C486" s="3" t="s">
        <v>4</v>
      </c>
    </row>
    <row r="487" spans="1:3" ht="15" x14ac:dyDescent="0.2">
      <c r="A487" s="1">
        <v>505</v>
      </c>
      <c r="B487" s="2" t="s">
        <v>506</v>
      </c>
      <c r="C487" s="3" t="s">
        <v>4</v>
      </c>
    </row>
    <row r="488" spans="1:3" ht="15" x14ac:dyDescent="0.2">
      <c r="A488" s="1">
        <v>506</v>
      </c>
      <c r="B488" s="2" t="s">
        <v>507</v>
      </c>
      <c r="C488" s="3" t="s">
        <v>4</v>
      </c>
    </row>
    <row r="489" spans="1:3" ht="15" x14ac:dyDescent="0.2">
      <c r="A489" s="1">
        <v>507</v>
      </c>
      <c r="B489" s="2" t="s">
        <v>508</v>
      </c>
      <c r="C489" s="3" t="s">
        <v>865</v>
      </c>
    </row>
    <row r="490" spans="1:3" ht="15" x14ac:dyDescent="0.2">
      <c r="A490" s="1">
        <v>508</v>
      </c>
      <c r="B490" s="2" t="s">
        <v>509</v>
      </c>
      <c r="C490" s="3" t="s">
        <v>4</v>
      </c>
    </row>
    <row r="491" spans="1:3" ht="15" x14ac:dyDescent="0.2">
      <c r="A491" s="1">
        <v>509</v>
      </c>
      <c r="B491" s="2" t="s">
        <v>510</v>
      </c>
      <c r="C491" s="3" t="s">
        <v>20</v>
      </c>
    </row>
    <row r="492" spans="1:3" ht="15" x14ac:dyDescent="0.2">
      <c r="A492" s="1">
        <v>510</v>
      </c>
      <c r="B492" s="2" t="s">
        <v>511</v>
      </c>
      <c r="C492" s="3" t="s">
        <v>24</v>
      </c>
    </row>
    <row r="493" spans="1:3" ht="15" x14ac:dyDescent="0.2">
      <c r="A493" s="1">
        <v>511</v>
      </c>
      <c r="B493" s="2" t="s">
        <v>512</v>
      </c>
      <c r="C493" s="3" t="s">
        <v>494</v>
      </c>
    </row>
    <row r="494" spans="1:3" ht="15" x14ac:dyDescent="0.2">
      <c r="A494" s="1">
        <v>512</v>
      </c>
      <c r="B494" s="2" t="s">
        <v>513</v>
      </c>
      <c r="C494" s="3" t="s">
        <v>24</v>
      </c>
    </row>
    <row r="495" spans="1:3" ht="15" x14ac:dyDescent="0.2">
      <c r="A495" s="1">
        <v>513</v>
      </c>
      <c r="B495" s="2" t="s">
        <v>514</v>
      </c>
      <c r="C495" s="3" t="s">
        <v>24</v>
      </c>
    </row>
    <row r="496" spans="1:3" ht="15" x14ac:dyDescent="0.2">
      <c r="A496" s="1">
        <v>514</v>
      </c>
      <c r="B496" s="2" t="s">
        <v>515</v>
      </c>
      <c r="C496" s="3" t="s">
        <v>140</v>
      </c>
    </row>
    <row r="497" spans="1:3" ht="15" x14ac:dyDescent="0.2">
      <c r="A497" s="1">
        <v>515</v>
      </c>
      <c r="B497" s="2" t="s">
        <v>516</v>
      </c>
      <c r="C497" s="3" t="s">
        <v>47</v>
      </c>
    </row>
    <row r="498" spans="1:3" ht="15" x14ac:dyDescent="0.2">
      <c r="A498" s="1">
        <v>516</v>
      </c>
      <c r="B498" s="2" t="s">
        <v>517</v>
      </c>
      <c r="C498" s="3" t="s">
        <v>82</v>
      </c>
    </row>
    <row r="499" spans="1:3" ht="15" x14ac:dyDescent="0.2">
      <c r="A499" s="1">
        <v>517</v>
      </c>
      <c r="B499" s="2" t="s">
        <v>518</v>
      </c>
      <c r="C499" s="3" t="s">
        <v>4</v>
      </c>
    </row>
    <row r="500" spans="1:3" ht="15" x14ac:dyDescent="0.2">
      <c r="A500" s="1">
        <v>518</v>
      </c>
      <c r="B500" s="2" t="s">
        <v>519</v>
      </c>
      <c r="C500" s="3" t="s">
        <v>22</v>
      </c>
    </row>
    <row r="501" spans="1:3" ht="15" x14ac:dyDescent="0.2">
      <c r="A501" s="1">
        <v>519</v>
      </c>
      <c r="B501" s="2" t="s">
        <v>520</v>
      </c>
      <c r="C501" s="3" t="s">
        <v>4</v>
      </c>
    </row>
    <row r="502" spans="1:3" ht="15" x14ac:dyDescent="0.2">
      <c r="A502" s="1">
        <v>520</v>
      </c>
      <c r="B502" s="2" t="s">
        <v>521</v>
      </c>
      <c r="C502" s="3" t="s">
        <v>82</v>
      </c>
    </row>
    <row r="503" spans="1:3" ht="15" x14ac:dyDescent="0.2">
      <c r="A503" s="1">
        <v>521</v>
      </c>
      <c r="B503" s="2" t="s">
        <v>522</v>
      </c>
      <c r="C503" s="3" t="s">
        <v>119</v>
      </c>
    </row>
    <row r="504" spans="1:3" ht="15" x14ac:dyDescent="0.2">
      <c r="A504" s="1">
        <v>522</v>
      </c>
      <c r="B504" s="2" t="s">
        <v>523</v>
      </c>
      <c r="C504" s="3" t="s">
        <v>20</v>
      </c>
    </row>
    <row r="505" spans="1:3" ht="15" x14ac:dyDescent="0.2">
      <c r="A505" s="1">
        <v>523</v>
      </c>
      <c r="B505" s="2" t="s">
        <v>524</v>
      </c>
      <c r="C505" s="3" t="s">
        <v>20</v>
      </c>
    </row>
    <row r="506" spans="1:3" ht="15" x14ac:dyDescent="0.2">
      <c r="A506" s="1">
        <v>524</v>
      </c>
      <c r="B506" s="2" t="s">
        <v>525</v>
      </c>
      <c r="C506" s="3" t="s">
        <v>17</v>
      </c>
    </row>
    <row r="507" spans="1:3" ht="15" x14ac:dyDescent="0.2">
      <c r="A507" s="1">
        <v>525</v>
      </c>
      <c r="B507" s="2" t="s">
        <v>526</v>
      </c>
      <c r="C507" s="3" t="s">
        <v>119</v>
      </c>
    </row>
    <row r="508" spans="1:3" ht="15" x14ac:dyDescent="0.2">
      <c r="A508" s="1">
        <v>526</v>
      </c>
      <c r="B508" s="2" t="s">
        <v>527</v>
      </c>
      <c r="C508" s="3" t="s">
        <v>20</v>
      </c>
    </row>
    <row r="509" spans="1:3" ht="15" x14ac:dyDescent="0.2">
      <c r="A509" s="1">
        <v>527</v>
      </c>
      <c r="B509" s="2" t="s">
        <v>528</v>
      </c>
      <c r="C509" s="3" t="s">
        <v>20</v>
      </c>
    </row>
    <row r="510" spans="1:3" ht="15" x14ac:dyDescent="0.2">
      <c r="A510" s="1">
        <v>528</v>
      </c>
      <c r="B510" s="2" t="s">
        <v>529</v>
      </c>
      <c r="C510" s="3" t="s">
        <v>119</v>
      </c>
    </row>
    <row r="511" spans="1:3" ht="15" x14ac:dyDescent="0.2">
      <c r="A511" s="1">
        <v>529</v>
      </c>
      <c r="B511" s="2" t="s">
        <v>530</v>
      </c>
      <c r="C511" s="3" t="s">
        <v>119</v>
      </c>
    </row>
    <row r="512" spans="1:3" ht="15" x14ac:dyDescent="0.2">
      <c r="A512" s="1">
        <v>531</v>
      </c>
      <c r="B512" s="2" t="s">
        <v>531</v>
      </c>
      <c r="C512" s="3" t="s">
        <v>4</v>
      </c>
    </row>
    <row r="513" spans="1:3" ht="15" x14ac:dyDescent="0.2">
      <c r="A513" s="1">
        <v>532</v>
      </c>
      <c r="B513" s="2" t="s">
        <v>532</v>
      </c>
      <c r="C513" s="3" t="s">
        <v>11</v>
      </c>
    </row>
    <row r="514" spans="1:3" ht="15" x14ac:dyDescent="0.2">
      <c r="A514" s="1">
        <v>533</v>
      </c>
      <c r="B514" s="2" t="s">
        <v>533</v>
      </c>
      <c r="C514" s="3" t="s">
        <v>20</v>
      </c>
    </row>
    <row r="515" spans="1:3" ht="15" x14ac:dyDescent="0.2">
      <c r="A515" s="1">
        <v>534</v>
      </c>
      <c r="B515" s="2" t="s">
        <v>534</v>
      </c>
      <c r="C515" s="3" t="s">
        <v>4</v>
      </c>
    </row>
    <row r="516" spans="1:3" ht="15" x14ac:dyDescent="0.2">
      <c r="A516" s="1">
        <v>535</v>
      </c>
      <c r="B516" s="2" t="s">
        <v>535</v>
      </c>
      <c r="C516" s="3" t="s">
        <v>24</v>
      </c>
    </row>
    <row r="517" spans="1:3" ht="15" x14ac:dyDescent="0.2">
      <c r="A517" s="1">
        <v>536</v>
      </c>
      <c r="B517" s="2" t="s">
        <v>536</v>
      </c>
      <c r="C517" s="3" t="s">
        <v>4</v>
      </c>
    </row>
    <row r="518" spans="1:3" ht="15" x14ac:dyDescent="0.2">
      <c r="A518" s="1">
        <v>537</v>
      </c>
      <c r="B518" s="2" t="s">
        <v>537</v>
      </c>
      <c r="C518" s="3" t="s">
        <v>119</v>
      </c>
    </row>
    <row r="519" spans="1:3" ht="15" x14ac:dyDescent="0.2">
      <c r="A519" s="1">
        <v>538</v>
      </c>
      <c r="B519" s="2" t="s">
        <v>538</v>
      </c>
      <c r="C519" s="3" t="s">
        <v>17</v>
      </c>
    </row>
    <row r="520" spans="1:3" ht="15" x14ac:dyDescent="0.2">
      <c r="A520" s="1">
        <v>539</v>
      </c>
      <c r="B520" s="2" t="s">
        <v>539</v>
      </c>
      <c r="C520" s="3" t="s">
        <v>4</v>
      </c>
    </row>
    <row r="521" spans="1:3" ht="15" x14ac:dyDescent="0.2">
      <c r="A521" s="1">
        <v>540</v>
      </c>
      <c r="B521" s="2" t="s">
        <v>540</v>
      </c>
      <c r="C521" s="3" t="s">
        <v>4</v>
      </c>
    </row>
    <row r="522" spans="1:3" ht="15" x14ac:dyDescent="0.2">
      <c r="A522" s="1">
        <v>541</v>
      </c>
      <c r="B522" s="2" t="s">
        <v>541</v>
      </c>
      <c r="C522" s="3" t="s">
        <v>4</v>
      </c>
    </row>
    <row r="523" spans="1:3" ht="15" x14ac:dyDescent="0.2">
      <c r="A523" s="1">
        <v>542</v>
      </c>
      <c r="B523" s="2" t="s">
        <v>542</v>
      </c>
      <c r="C523" s="3" t="s">
        <v>4</v>
      </c>
    </row>
    <row r="524" spans="1:3" ht="15" x14ac:dyDescent="0.2">
      <c r="A524" s="1">
        <v>543</v>
      </c>
      <c r="B524" s="2" t="s">
        <v>543</v>
      </c>
      <c r="C524" s="3" t="s">
        <v>4</v>
      </c>
    </row>
    <row r="525" spans="1:3" ht="15" x14ac:dyDescent="0.2">
      <c r="A525" s="1">
        <v>544</v>
      </c>
      <c r="B525" s="2" t="s">
        <v>544</v>
      </c>
      <c r="C525" s="3" t="s">
        <v>17</v>
      </c>
    </row>
    <row r="526" spans="1:3" ht="15" x14ac:dyDescent="0.2">
      <c r="A526" s="1">
        <v>545</v>
      </c>
      <c r="B526" s="2" t="s">
        <v>545</v>
      </c>
      <c r="C526" s="3" t="s">
        <v>22</v>
      </c>
    </row>
    <row r="527" spans="1:3" ht="15" x14ac:dyDescent="0.2">
      <c r="A527" s="1">
        <v>546</v>
      </c>
      <c r="B527" s="2" t="s">
        <v>546</v>
      </c>
      <c r="C527" s="3" t="s">
        <v>4</v>
      </c>
    </row>
    <row r="528" spans="1:3" ht="15" x14ac:dyDescent="0.2">
      <c r="A528" s="1">
        <v>547</v>
      </c>
      <c r="B528" s="2" t="s">
        <v>547</v>
      </c>
      <c r="C528" s="3" t="s">
        <v>4</v>
      </c>
    </row>
    <row r="529" spans="1:3" ht="15" x14ac:dyDescent="0.2">
      <c r="A529" s="1">
        <v>548</v>
      </c>
      <c r="B529" s="2" t="s">
        <v>548</v>
      </c>
      <c r="C529" s="3" t="s">
        <v>4</v>
      </c>
    </row>
    <row r="530" spans="1:3" ht="15" x14ac:dyDescent="0.2">
      <c r="A530" s="1">
        <v>549</v>
      </c>
      <c r="B530" s="2" t="s">
        <v>549</v>
      </c>
      <c r="C530" s="3" t="s">
        <v>4</v>
      </c>
    </row>
    <row r="531" spans="1:3" ht="15" x14ac:dyDescent="0.2">
      <c r="A531" s="1">
        <v>550</v>
      </c>
      <c r="B531" s="2" t="s">
        <v>550</v>
      </c>
      <c r="C531" s="3" t="s">
        <v>4</v>
      </c>
    </row>
    <row r="532" spans="1:3" ht="15" x14ac:dyDescent="0.2">
      <c r="A532" s="1">
        <v>551</v>
      </c>
      <c r="B532" s="2" t="s">
        <v>551</v>
      </c>
      <c r="C532" s="3" t="s">
        <v>4</v>
      </c>
    </row>
    <row r="533" spans="1:3" ht="15" x14ac:dyDescent="0.2">
      <c r="A533" s="1">
        <v>553</v>
      </c>
      <c r="B533" s="2" t="s">
        <v>552</v>
      </c>
      <c r="C533" s="3" t="s">
        <v>13</v>
      </c>
    </row>
    <row r="534" spans="1:3" ht="15" x14ac:dyDescent="0.2">
      <c r="A534" s="1">
        <v>554</v>
      </c>
      <c r="B534" s="2" t="s">
        <v>553</v>
      </c>
      <c r="C534" s="3" t="s">
        <v>4</v>
      </c>
    </row>
    <row r="535" spans="1:3" ht="15" x14ac:dyDescent="0.2">
      <c r="A535" s="1">
        <v>555</v>
      </c>
      <c r="B535" s="2" t="s">
        <v>554</v>
      </c>
      <c r="C535" s="3" t="s">
        <v>4</v>
      </c>
    </row>
    <row r="536" spans="1:3" ht="15" x14ac:dyDescent="0.2">
      <c r="A536" s="1">
        <v>556</v>
      </c>
      <c r="B536" s="2" t="s">
        <v>555</v>
      </c>
      <c r="C536" s="3" t="s">
        <v>4</v>
      </c>
    </row>
    <row r="537" spans="1:3" ht="15" x14ac:dyDescent="0.2">
      <c r="A537" s="1">
        <v>557</v>
      </c>
      <c r="B537" s="2" t="s">
        <v>556</v>
      </c>
      <c r="C537" s="3" t="s">
        <v>22</v>
      </c>
    </row>
    <row r="538" spans="1:3" ht="15" x14ac:dyDescent="0.2">
      <c r="A538" s="1">
        <v>558</v>
      </c>
      <c r="B538" s="2" t="s">
        <v>557</v>
      </c>
      <c r="C538" s="3" t="s">
        <v>4</v>
      </c>
    </row>
    <row r="539" spans="1:3" ht="15" x14ac:dyDescent="0.2">
      <c r="A539" s="1">
        <v>559</v>
      </c>
      <c r="B539" s="2" t="s">
        <v>558</v>
      </c>
      <c r="C539" s="3" t="s">
        <v>13</v>
      </c>
    </row>
    <row r="540" spans="1:3" ht="15" x14ac:dyDescent="0.2">
      <c r="A540" s="1">
        <v>560</v>
      </c>
      <c r="B540" s="2" t="s">
        <v>559</v>
      </c>
      <c r="C540" s="3" t="s">
        <v>20</v>
      </c>
    </row>
    <row r="541" spans="1:3" ht="15" x14ac:dyDescent="0.2">
      <c r="A541" s="1">
        <v>561</v>
      </c>
      <c r="B541" s="2" t="s">
        <v>560</v>
      </c>
      <c r="C541" s="3" t="s">
        <v>17</v>
      </c>
    </row>
    <row r="542" spans="1:3" ht="15" x14ac:dyDescent="0.2">
      <c r="A542" s="1">
        <v>562</v>
      </c>
      <c r="B542" s="2" t="s">
        <v>561</v>
      </c>
      <c r="C542" s="3" t="s">
        <v>4</v>
      </c>
    </row>
    <row r="543" spans="1:3" ht="15" x14ac:dyDescent="0.2">
      <c r="A543" s="1">
        <v>563</v>
      </c>
      <c r="B543" s="2" t="s">
        <v>562</v>
      </c>
      <c r="C543" s="3" t="s">
        <v>22</v>
      </c>
    </row>
    <row r="544" spans="1:3" ht="15" x14ac:dyDescent="0.2">
      <c r="A544" s="1">
        <v>564</v>
      </c>
      <c r="B544" s="2" t="s">
        <v>563</v>
      </c>
      <c r="C544" s="3" t="s">
        <v>15</v>
      </c>
    </row>
    <row r="545" spans="1:3" ht="15" x14ac:dyDescent="0.2">
      <c r="A545" s="1">
        <v>565</v>
      </c>
      <c r="B545" s="2" t="s">
        <v>564</v>
      </c>
      <c r="C545" s="3" t="s">
        <v>15</v>
      </c>
    </row>
    <row r="546" spans="1:3" ht="15" x14ac:dyDescent="0.2">
      <c r="A546" s="1">
        <v>568</v>
      </c>
      <c r="B546" s="2" t="s">
        <v>565</v>
      </c>
      <c r="C546" s="3" t="s">
        <v>22</v>
      </c>
    </row>
    <row r="547" spans="1:3" ht="15" x14ac:dyDescent="0.2">
      <c r="A547" s="1">
        <v>569</v>
      </c>
      <c r="B547" s="2" t="s">
        <v>566</v>
      </c>
      <c r="C547" s="3" t="s">
        <v>22</v>
      </c>
    </row>
    <row r="548" spans="1:3" ht="15" x14ac:dyDescent="0.2">
      <c r="A548" s="1">
        <v>570</v>
      </c>
      <c r="B548" s="2" t="s">
        <v>567</v>
      </c>
      <c r="C548" s="3" t="s">
        <v>22</v>
      </c>
    </row>
    <row r="549" spans="1:3" ht="15" x14ac:dyDescent="0.2">
      <c r="A549" s="1">
        <v>571</v>
      </c>
      <c r="B549" s="2" t="s">
        <v>568</v>
      </c>
      <c r="C549" s="3" t="s">
        <v>22</v>
      </c>
    </row>
    <row r="550" spans="1:3" ht="15" x14ac:dyDescent="0.2">
      <c r="A550" s="1">
        <v>572</v>
      </c>
      <c r="B550" s="2" t="s">
        <v>569</v>
      </c>
      <c r="C550" s="3" t="s">
        <v>22</v>
      </c>
    </row>
    <row r="551" spans="1:3" ht="15" x14ac:dyDescent="0.2">
      <c r="A551" s="1">
        <v>573</v>
      </c>
      <c r="B551" s="2" t="s">
        <v>570</v>
      </c>
      <c r="C551" s="3" t="s">
        <v>82</v>
      </c>
    </row>
    <row r="552" spans="1:3" ht="15" x14ac:dyDescent="0.2">
      <c r="A552" s="1">
        <v>574</v>
      </c>
      <c r="B552" s="2" t="s">
        <v>571</v>
      </c>
      <c r="C552" s="3" t="s">
        <v>22</v>
      </c>
    </row>
    <row r="553" spans="1:3" ht="15" x14ac:dyDescent="0.2">
      <c r="A553" s="1">
        <v>575</v>
      </c>
      <c r="B553" s="2" t="s">
        <v>572</v>
      </c>
      <c r="C553" s="3" t="s">
        <v>4</v>
      </c>
    </row>
    <row r="554" spans="1:3" ht="15" x14ac:dyDescent="0.2">
      <c r="A554" s="1">
        <v>576</v>
      </c>
      <c r="B554" s="2" t="s">
        <v>573</v>
      </c>
      <c r="C554" s="3" t="s">
        <v>4</v>
      </c>
    </row>
    <row r="555" spans="1:3" ht="15" x14ac:dyDescent="0.2">
      <c r="A555" s="1">
        <v>577</v>
      </c>
      <c r="B555" s="2" t="s">
        <v>574</v>
      </c>
      <c r="C555" s="3" t="s">
        <v>54</v>
      </c>
    </row>
    <row r="556" spans="1:3" ht="15" x14ac:dyDescent="0.2">
      <c r="A556" s="1">
        <v>578</v>
      </c>
      <c r="B556" s="2" t="s">
        <v>575</v>
      </c>
      <c r="C556" s="3" t="s">
        <v>24</v>
      </c>
    </row>
    <row r="557" spans="1:3" ht="15" x14ac:dyDescent="0.2">
      <c r="A557" s="1">
        <v>579</v>
      </c>
      <c r="B557" s="2" t="s">
        <v>576</v>
      </c>
      <c r="C557" s="3" t="s">
        <v>4</v>
      </c>
    </row>
    <row r="558" spans="1:3" ht="15" x14ac:dyDescent="0.2">
      <c r="A558" s="1">
        <v>580</v>
      </c>
      <c r="B558" s="2" t="s">
        <v>577</v>
      </c>
      <c r="C558" s="3" t="s">
        <v>4</v>
      </c>
    </row>
    <row r="559" spans="1:3" ht="15" x14ac:dyDescent="0.2">
      <c r="A559" s="1">
        <v>581</v>
      </c>
      <c r="B559" s="2" t="s">
        <v>578</v>
      </c>
      <c r="C559" s="3" t="s">
        <v>11</v>
      </c>
    </row>
    <row r="560" spans="1:3" ht="15" x14ac:dyDescent="0.2">
      <c r="A560" s="1">
        <v>582</v>
      </c>
      <c r="B560" s="2" t="s">
        <v>579</v>
      </c>
      <c r="C560" s="3" t="s">
        <v>4</v>
      </c>
    </row>
    <row r="561" spans="1:3" ht="15" x14ac:dyDescent="0.2">
      <c r="A561" s="1">
        <v>583</v>
      </c>
      <c r="B561" s="2" t="s">
        <v>580</v>
      </c>
      <c r="C561" s="3" t="s">
        <v>4</v>
      </c>
    </row>
    <row r="562" spans="1:3" ht="15" x14ac:dyDescent="0.2">
      <c r="A562" s="1">
        <v>584</v>
      </c>
      <c r="B562" s="2" t="s">
        <v>581</v>
      </c>
      <c r="C562" s="3" t="s">
        <v>140</v>
      </c>
    </row>
    <row r="563" spans="1:3" ht="15" x14ac:dyDescent="0.2">
      <c r="A563" s="1">
        <v>585</v>
      </c>
      <c r="B563" s="2" t="s">
        <v>582</v>
      </c>
      <c r="C563" s="3" t="s">
        <v>4</v>
      </c>
    </row>
    <row r="564" spans="1:3" ht="15" x14ac:dyDescent="0.2">
      <c r="A564" s="1">
        <v>586</v>
      </c>
      <c r="B564" s="2" t="s">
        <v>583</v>
      </c>
      <c r="C564" s="3" t="s">
        <v>4</v>
      </c>
    </row>
    <row r="565" spans="1:3" ht="15" x14ac:dyDescent="0.2">
      <c r="A565" s="1">
        <v>587</v>
      </c>
      <c r="B565" s="2" t="s">
        <v>584</v>
      </c>
      <c r="C565" s="3" t="s">
        <v>24</v>
      </c>
    </row>
    <row r="566" spans="1:3" ht="15" x14ac:dyDescent="0.2">
      <c r="A566" s="1">
        <v>588</v>
      </c>
      <c r="B566" s="2" t="s">
        <v>585</v>
      </c>
      <c r="C566" s="3" t="s">
        <v>13</v>
      </c>
    </row>
    <row r="567" spans="1:3" ht="15" x14ac:dyDescent="0.2">
      <c r="A567" s="1">
        <v>589</v>
      </c>
      <c r="B567" s="2" t="s">
        <v>586</v>
      </c>
      <c r="C567" s="3" t="s">
        <v>4</v>
      </c>
    </row>
    <row r="568" spans="1:3" ht="15" x14ac:dyDescent="0.2">
      <c r="A568" s="1">
        <v>590</v>
      </c>
      <c r="B568" s="2" t="s">
        <v>587</v>
      </c>
      <c r="C568" s="3" t="s">
        <v>4</v>
      </c>
    </row>
    <row r="569" spans="1:3" ht="15" x14ac:dyDescent="0.2">
      <c r="A569" s="1">
        <v>591</v>
      </c>
      <c r="B569" s="2" t="s">
        <v>588</v>
      </c>
      <c r="C569" s="3" t="s">
        <v>4</v>
      </c>
    </row>
    <row r="570" spans="1:3" ht="15" x14ac:dyDescent="0.2">
      <c r="A570" s="1">
        <v>592</v>
      </c>
      <c r="B570" s="2" t="s">
        <v>589</v>
      </c>
      <c r="C570" s="3" t="s">
        <v>4</v>
      </c>
    </row>
    <row r="571" spans="1:3" ht="15" x14ac:dyDescent="0.2">
      <c r="A571" s="1">
        <v>593</v>
      </c>
      <c r="B571" s="2" t="s">
        <v>590</v>
      </c>
      <c r="C571" s="3" t="s">
        <v>17</v>
      </c>
    </row>
    <row r="572" spans="1:3" ht="15" x14ac:dyDescent="0.2">
      <c r="A572" s="1">
        <v>594</v>
      </c>
      <c r="B572" s="2" t="s">
        <v>591</v>
      </c>
      <c r="C572" s="3" t="s">
        <v>113</v>
      </c>
    </row>
    <row r="573" spans="1:3" ht="15" x14ac:dyDescent="0.2">
      <c r="A573" s="1">
        <v>595</v>
      </c>
      <c r="B573" s="2" t="s">
        <v>592</v>
      </c>
      <c r="C573" s="3" t="s">
        <v>22</v>
      </c>
    </row>
    <row r="574" spans="1:3" ht="15" x14ac:dyDescent="0.2">
      <c r="A574" s="1">
        <v>596</v>
      </c>
      <c r="B574" s="2" t="s">
        <v>593</v>
      </c>
      <c r="C574" s="3" t="s">
        <v>4</v>
      </c>
    </row>
    <row r="575" spans="1:3" ht="15" x14ac:dyDescent="0.2">
      <c r="A575" s="1">
        <v>597</v>
      </c>
      <c r="B575" s="2" t="s">
        <v>594</v>
      </c>
      <c r="C575" s="3" t="s">
        <v>4</v>
      </c>
    </row>
    <row r="576" spans="1:3" ht="15" x14ac:dyDescent="0.2">
      <c r="A576" s="1">
        <v>598</v>
      </c>
      <c r="B576" s="2" t="s">
        <v>595</v>
      </c>
      <c r="C576" s="3" t="s">
        <v>4</v>
      </c>
    </row>
    <row r="577" spans="1:3" ht="15" x14ac:dyDescent="0.2">
      <c r="A577" s="1">
        <v>599</v>
      </c>
      <c r="B577" s="2" t="s">
        <v>596</v>
      </c>
      <c r="C577" s="3" t="s">
        <v>4</v>
      </c>
    </row>
    <row r="578" spans="1:3" ht="15" x14ac:dyDescent="0.2">
      <c r="A578" s="1">
        <v>600</v>
      </c>
      <c r="B578" s="2" t="s">
        <v>597</v>
      </c>
      <c r="C578" s="3" t="s">
        <v>20</v>
      </c>
    </row>
    <row r="579" spans="1:3" ht="15" x14ac:dyDescent="0.2">
      <c r="A579" s="1">
        <v>601</v>
      </c>
      <c r="B579" s="2" t="s">
        <v>598</v>
      </c>
      <c r="C579" s="3" t="s">
        <v>17</v>
      </c>
    </row>
    <row r="580" spans="1:3" ht="15" x14ac:dyDescent="0.2">
      <c r="A580" s="1">
        <v>602</v>
      </c>
      <c r="B580" s="2" t="s">
        <v>599</v>
      </c>
      <c r="C580" s="3" t="s">
        <v>4</v>
      </c>
    </row>
    <row r="581" spans="1:3" ht="15" x14ac:dyDescent="0.2">
      <c r="A581" s="1">
        <v>603</v>
      </c>
      <c r="B581" s="2" t="s">
        <v>600</v>
      </c>
      <c r="C581" s="3" t="s">
        <v>13</v>
      </c>
    </row>
    <row r="582" spans="1:3" ht="15" x14ac:dyDescent="0.2">
      <c r="A582" s="1">
        <v>604</v>
      </c>
      <c r="B582" s="2" t="s">
        <v>601</v>
      </c>
      <c r="C582" s="3" t="s">
        <v>4</v>
      </c>
    </row>
    <row r="583" spans="1:3" ht="15" x14ac:dyDescent="0.2">
      <c r="A583" s="1">
        <v>605</v>
      </c>
      <c r="B583" s="2" t="s">
        <v>602</v>
      </c>
      <c r="C583" s="3" t="s">
        <v>4</v>
      </c>
    </row>
    <row r="584" spans="1:3" ht="15" x14ac:dyDescent="0.2">
      <c r="A584" s="1">
        <v>606</v>
      </c>
      <c r="B584" s="2" t="s">
        <v>603</v>
      </c>
      <c r="C584" s="3" t="s">
        <v>4</v>
      </c>
    </row>
    <row r="585" spans="1:3" ht="15" x14ac:dyDescent="0.2">
      <c r="A585" s="1">
        <v>607</v>
      </c>
      <c r="B585" s="2" t="s">
        <v>604</v>
      </c>
      <c r="C585" s="3" t="s">
        <v>24</v>
      </c>
    </row>
    <row r="586" spans="1:3" ht="15" x14ac:dyDescent="0.2">
      <c r="A586" s="1">
        <v>608</v>
      </c>
      <c r="B586" s="2" t="s">
        <v>605</v>
      </c>
      <c r="C586" s="3" t="s">
        <v>4</v>
      </c>
    </row>
    <row r="587" spans="1:3" ht="15" x14ac:dyDescent="0.2">
      <c r="A587" s="1">
        <v>609</v>
      </c>
      <c r="B587" s="2" t="s">
        <v>606</v>
      </c>
      <c r="C587" s="3" t="s">
        <v>4</v>
      </c>
    </row>
    <row r="588" spans="1:3" ht="15" x14ac:dyDescent="0.2">
      <c r="A588" s="1">
        <v>610</v>
      </c>
      <c r="B588" s="2" t="s">
        <v>607</v>
      </c>
      <c r="C588" s="3" t="s">
        <v>4</v>
      </c>
    </row>
    <row r="589" spans="1:3" ht="15" x14ac:dyDescent="0.2">
      <c r="A589" s="1">
        <v>611</v>
      </c>
      <c r="B589" s="2" t="s">
        <v>608</v>
      </c>
      <c r="C589" s="3" t="s">
        <v>22</v>
      </c>
    </row>
    <row r="590" spans="1:3" ht="15" x14ac:dyDescent="0.2">
      <c r="A590" s="1">
        <v>612</v>
      </c>
      <c r="B590" s="2" t="s">
        <v>609</v>
      </c>
      <c r="C590" s="3" t="s">
        <v>22</v>
      </c>
    </row>
    <row r="591" spans="1:3" ht="15" x14ac:dyDescent="0.2">
      <c r="A591" s="1">
        <v>613</v>
      </c>
      <c r="B591" s="2" t="s">
        <v>610</v>
      </c>
      <c r="C591" s="3" t="s">
        <v>4</v>
      </c>
    </row>
    <row r="592" spans="1:3" ht="15" x14ac:dyDescent="0.2">
      <c r="A592" s="1">
        <v>614</v>
      </c>
      <c r="B592" s="2" t="s">
        <v>611</v>
      </c>
      <c r="C592" s="3" t="s">
        <v>4</v>
      </c>
    </row>
    <row r="593" spans="1:3" ht="15" x14ac:dyDescent="0.2">
      <c r="A593" s="1">
        <v>615</v>
      </c>
      <c r="B593" s="2" t="s">
        <v>612</v>
      </c>
      <c r="C593" s="3" t="s">
        <v>113</v>
      </c>
    </row>
    <row r="594" spans="1:3" ht="15" x14ac:dyDescent="0.2">
      <c r="A594" s="1">
        <v>616</v>
      </c>
      <c r="B594" s="2" t="s">
        <v>613</v>
      </c>
      <c r="C594" s="3" t="s">
        <v>4</v>
      </c>
    </row>
    <row r="595" spans="1:3" ht="15" x14ac:dyDescent="0.2">
      <c r="A595" s="1">
        <v>617</v>
      </c>
      <c r="B595" s="2" t="s">
        <v>614</v>
      </c>
      <c r="C595" s="3" t="s">
        <v>4</v>
      </c>
    </row>
    <row r="596" spans="1:3" ht="15" x14ac:dyDescent="0.2">
      <c r="A596" s="1">
        <v>618</v>
      </c>
      <c r="B596" s="2" t="s">
        <v>615</v>
      </c>
      <c r="C596" s="3" t="s">
        <v>4</v>
      </c>
    </row>
    <row r="597" spans="1:3" ht="15" x14ac:dyDescent="0.2">
      <c r="A597" s="1">
        <v>619</v>
      </c>
      <c r="B597" s="2" t="s">
        <v>616</v>
      </c>
      <c r="C597" s="3" t="s">
        <v>138</v>
      </c>
    </row>
    <row r="598" spans="1:3" ht="15" x14ac:dyDescent="0.2">
      <c r="A598" s="1">
        <v>620</v>
      </c>
      <c r="B598" s="2" t="s">
        <v>617</v>
      </c>
      <c r="C598" s="3" t="s">
        <v>4</v>
      </c>
    </row>
    <row r="599" spans="1:3" ht="15" x14ac:dyDescent="0.2">
      <c r="A599" s="1">
        <v>621</v>
      </c>
      <c r="B599" s="2" t="s">
        <v>618</v>
      </c>
      <c r="C599" s="3" t="s">
        <v>47</v>
      </c>
    </row>
    <row r="600" spans="1:3" ht="15" x14ac:dyDescent="0.2">
      <c r="A600" s="1">
        <v>622</v>
      </c>
      <c r="B600" s="2" t="s">
        <v>619</v>
      </c>
      <c r="C600" s="3" t="s">
        <v>140</v>
      </c>
    </row>
    <row r="601" spans="1:3" ht="15" x14ac:dyDescent="0.2">
      <c r="A601" s="1">
        <v>623</v>
      </c>
      <c r="B601" s="2" t="s">
        <v>620</v>
      </c>
      <c r="C601" s="3" t="s">
        <v>22</v>
      </c>
    </row>
    <row r="602" spans="1:3" ht="15" x14ac:dyDescent="0.2">
      <c r="A602" s="1">
        <v>624</v>
      </c>
      <c r="B602" s="2" t="s">
        <v>621</v>
      </c>
      <c r="C602" s="3" t="s">
        <v>4</v>
      </c>
    </row>
    <row r="603" spans="1:3" ht="15" x14ac:dyDescent="0.2">
      <c r="A603" s="1">
        <v>625</v>
      </c>
      <c r="B603" s="2" t="s">
        <v>622</v>
      </c>
      <c r="C603" s="3" t="s">
        <v>4</v>
      </c>
    </row>
    <row r="604" spans="1:3" ht="15" x14ac:dyDescent="0.2">
      <c r="A604" s="1">
        <v>626</v>
      </c>
      <c r="B604" s="2" t="s">
        <v>623</v>
      </c>
      <c r="C604" s="3" t="s">
        <v>22</v>
      </c>
    </row>
    <row r="605" spans="1:3" ht="15" x14ac:dyDescent="0.2">
      <c r="A605" s="1">
        <v>627</v>
      </c>
      <c r="B605" s="2" t="s">
        <v>624</v>
      </c>
      <c r="C605" s="3" t="s">
        <v>4</v>
      </c>
    </row>
    <row r="606" spans="1:3" ht="15" x14ac:dyDescent="0.2">
      <c r="A606" s="1">
        <v>628</v>
      </c>
      <c r="B606" s="2" t="s">
        <v>625</v>
      </c>
      <c r="C606" s="3" t="s">
        <v>4</v>
      </c>
    </row>
    <row r="607" spans="1:3" ht="15" x14ac:dyDescent="0.2">
      <c r="A607" s="1">
        <v>629</v>
      </c>
      <c r="B607" s="2" t="s">
        <v>626</v>
      </c>
      <c r="C607" s="3" t="s">
        <v>4</v>
      </c>
    </row>
    <row r="608" spans="1:3" ht="15" x14ac:dyDescent="0.2">
      <c r="A608" s="1">
        <v>630</v>
      </c>
      <c r="B608" s="2" t="s">
        <v>627</v>
      </c>
      <c r="C608" s="3" t="s">
        <v>24</v>
      </c>
    </row>
    <row r="609" spans="1:3" ht="15" x14ac:dyDescent="0.2">
      <c r="A609" s="1">
        <v>631</v>
      </c>
      <c r="B609" s="2" t="s">
        <v>628</v>
      </c>
      <c r="C609" s="3" t="s">
        <v>13</v>
      </c>
    </row>
    <row r="610" spans="1:3" ht="15" x14ac:dyDescent="0.2">
      <c r="A610" s="1">
        <v>632</v>
      </c>
      <c r="B610" s="2" t="s">
        <v>629</v>
      </c>
      <c r="C610" s="3" t="s">
        <v>140</v>
      </c>
    </row>
    <row r="611" spans="1:3" ht="15" x14ac:dyDescent="0.2">
      <c r="A611" s="1">
        <v>633</v>
      </c>
      <c r="B611" s="2" t="s">
        <v>630</v>
      </c>
      <c r="C611" s="3" t="s">
        <v>140</v>
      </c>
    </row>
    <row r="612" spans="1:3" ht="15" x14ac:dyDescent="0.2">
      <c r="A612" s="1">
        <v>634</v>
      </c>
      <c r="B612" s="2" t="s">
        <v>631</v>
      </c>
      <c r="C612" s="3" t="s">
        <v>47</v>
      </c>
    </row>
    <row r="613" spans="1:3" ht="15" x14ac:dyDescent="0.2">
      <c r="A613" s="1">
        <v>635</v>
      </c>
      <c r="B613" s="2" t="s">
        <v>632</v>
      </c>
      <c r="C613" s="3" t="s">
        <v>20</v>
      </c>
    </row>
    <row r="614" spans="1:3" ht="15" x14ac:dyDescent="0.2">
      <c r="A614" s="1">
        <v>636</v>
      </c>
      <c r="B614" s="2" t="s">
        <v>633</v>
      </c>
      <c r="C614" s="3" t="s">
        <v>13</v>
      </c>
    </row>
    <row r="615" spans="1:3" ht="15" x14ac:dyDescent="0.2">
      <c r="A615" s="1">
        <v>637</v>
      </c>
      <c r="B615" s="2" t="s">
        <v>634</v>
      </c>
      <c r="C615" s="3" t="s">
        <v>24</v>
      </c>
    </row>
    <row r="616" spans="1:3" ht="15" x14ac:dyDescent="0.2">
      <c r="A616" s="1">
        <v>638</v>
      </c>
      <c r="B616" s="2" t="s">
        <v>635</v>
      </c>
      <c r="C616" s="3" t="s">
        <v>82</v>
      </c>
    </row>
    <row r="617" spans="1:3" ht="15" x14ac:dyDescent="0.2">
      <c r="A617" s="1">
        <v>639</v>
      </c>
      <c r="B617" s="2" t="s">
        <v>636</v>
      </c>
      <c r="C617" s="3" t="s">
        <v>24</v>
      </c>
    </row>
    <row r="618" spans="1:3" ht="15" x14ac:dyDescent="0.2">
      <c r="A618" s="1">
        <v>640</v>
      </c>
      <c r="B618" s="2" t="s">
        <v>637</v>
      </c>
      <c r="C618" s="3" t="s">
        <v>24</v>
      </c>
    </row>
    <row r="619" spans="1:3" ht="15" x14ac:dyDescent="0.2">
      <c r="A619" s="1">
        <v>641</v>
      </c>
      <c r="B619" s="2" t="s">
        <v>638</v>
      </c>
      <c r="C619" s="3" t="s">
        <v>24</v>
      </c>
    </row>
    <row r="620" spans="1:3" ht="15" x14ac:dyDescent="0.2">
      <c r="A620" s="1">
        <v>642</v>
      </c>
      <c r="B620" s="2" t="s">
        <v>639</v>
      </c>
      <c r="C620" s="3" t="s">
        <v>24</v>
      </c>
    </row>
    <row r="621" spans="1:3" ht="15" x14ac:dyDescent="0.2">
      <c r="A621" s="1">
        <v>643</v>
      </c>
      <c r="B621" s="2" t="s">
        <v>640</v>
      </c>
      <c r="C621" s="3" t="s">
        <v>24</v>
      </c>
    </row>
    <row r="622" spans="1:3" ht="15" x14ac:dyDescent="0.2">
      <c r="A622" s="1">
        <v>644</v>
      </c>
      <c r="B622" s="2" t="s">
        <v>641</v>
      </c>
      <c r="C622" s="3" t="s">
        <v>24</v>
      </c>
    </row>
    <row r="623" spans="1:3" ht="15" x14ac:dyDescent="0.2">
      <c r="A623" s="1">
        <v>645</v>
      </c>
      <c r="B623" s="2" t="s">
        <v>642</v>
      </c>
      <c r="C623" s="3" t="s">
        <v>13</v>
      </c>
    </row>
    <row r="624" spans="1:3" ht="15" x14ac:dyDescent="0.2">
      <c r="A624" s="1">
        <v>646</v>
      </c>
      <c r="B624" s="2" t="s">
        <v>643</v>
      </c>
      <c r="C624" s="3" t="s">
        <v>4</v>
      </c>
    </row>
    <row r="625" spans="1:3" ht="15" x14ac:dyDescent="0.2">
      <c r="A625" s="1">
        <v>647</v>
      </c>
      <c r="B625" s="2" t="s">
        <v>644</v>
      </c>
      <c r="C625" s="3" t="s">
        <v>4</v>
      </c>
    </row>
    <row r="626" spans="1:3" ht="15" x14ac:dyDescent="0.2">
      <c r="A626" s="1">
        <v>648</v>
      </c>
      <c r="B626" s="2" t="s">
        <v>645</v>
      </c>
      <c r="C626" s="3" t="s">
        <v>24</v>
      </c>
    </row>
    <row r="627" spans="1:3" ht="15" x14ac:dyDescent="0.2">
      <c r="A627" s="1">
        <v>649</v>
      </c>
      <c r="B627" s="2" t="s">
        <v>646</v>
      </c>
      <c r="C627" s="3" t="s">
        <v>4</v>
      </c>
    </row>
    <row r="628" spans="1:3" ht="15" x14ac:dyDescent="0.2">
      <c r="A628" s="1">
        <v>650</v>
      </c>
      <c r="B628" s="2" t="s">
        <v>647</v>
      </c>
      <c r="C628" s="3" t="s">
        <v>4</v>
      </c>
    </row>
    <row r="629" spans="1:3" ht="15" x14ac:dyDescent="0.2">
      <c r="A629" s="1">
        <v>651</v>
      </c>
      <c r="B629" s="2" t="s">
        <v>648</v>
      </c>
      <c r="C629" s="3" t="s">
        <v>4</v>
      </c>
    </row>
    <row r="630" spans="1:3" ht="15" x14ac:dyDescent="0.2">
      <c r="A630" s="1">
        <v>652</v>
      </c>
      <c r="B630" s="2" t="s">
        <v>649</v>
      </c>
      <c r="C630" s="3" t="s">
        <v>4</v>
      </c>
    </row>
    <row r="631" spans="1:3" ht="15" x14ac:dyDescent="0.2">
      <c r="A631" s="1">
        <v>653</v>
      </c>
      <c r="B631" s="2" t="s">
        <v>650</v>
      </c>
      <c r="C631" s="3" t="s">
        <v>24</v>
      </c>
    </row>
    <row r="632" spans="1:3" ht="15" x14ac:dyDescent="0.2">
      <c r="A632" s="1">
        <v>654</v>
      </c>
      <c r="B632" s="2" t="s">
        <v>651</v>
      </c>
      <c r="C632" s="3" t="s">
        <v>22</v>
      </c>
    </row>
    <row r="633" spans="1:3" ht="15" x14ac:dyDescent="0.2">
      <c r="A633" s="1">
        <v>655</v>
      </c>
      <c r="B633" s="2" t="s">
        <v>652</v>
      </c>
      <c r="C633" s="3" t="s">
        <v>138</v>
      </c>
    </row>
    <row r="634" spans="1:3" ht="15" x14ac:dyDescent="0.2">
      <c r="A634" s="1">
        <v>656</v>
      </c>
      <c r="B634" s="2" t="s">
        <v>653</v>
      </c>
      <c r="C634" s="3" t="s">
        <v>113</v>
      </c>
    </row>
    <row r="635" spans="1:3" ht="15" x14ac:dyDescent="0.2">
      <c r="A635" s="1">
        <v>657</v>
      </c>
      <c r="B635" s="2" t="s">
        <v>654</v>
      </c>
      <c r="C635" s="3" t="s">
        <v>47</v>
      </c>
    </row>
    <row r="636" spans="1:3" ht="15" x14ac:dyDescent="0.2">
      <c r="A636" s="1">
        <v>658</v>
      </c>
      <c r="B636" s="2" t="s">
        <v>655</v>
      </c>
      <c r="C636" s="3" t="s">
        <v>4</v>
      </c>
    </row>
    <row r="637" spans="1:3" ht="15" x14ac:dyDescent="0.2">
      <c r="A637" s="1">
        <v>659</v>
      </c>
      <c r="B637" s="2" t="s">
        <v>656</v>
      </c>
      <c r="C637" s="3" t="s">
        <v>82</v>
      </c>
    </row>
    <row r="638" spans="1:3" ht="15" x14ac:dyDescent="0.2">
      <c r="A638" s="1">
        <v>660</v>
      </c>
      <c r="B638" s="2" t="s">
        <v>657</v>
      </c>
      <c r="C638" s="3" t="s">
        <v>4</v>
      </c>
    </row>
    <row r="639" spans="1:3" ht="15" x14ac:dyDescent="0.2">
      <c r="A639" s="1">
        <v>661</v>
      </c>
      <c r="B639" s="2" t="s">
        <v>658</v>
      </c>
      <c r="C639" s="3" t="s">
        <v>82</v>
      </c>
    </row>
    <row r="640" spans="1:3" ht="15" x14ac:dyDescent="0.2">
      <c r="A640" s="1">
        <v>662</v>
      </c>
      <c r="B640" s="2" t="s">
        <v>659</v>
      </c>
      <c r="C640" s="3" t="s">
        <v>138</v>
      </c>
    </row>
    <row r="641" spans="1:3" ht="15" x14ac:dyDescent="0.2">
      <c r="A641" s="1">
        <v>663</v>
      </c>
      <c r="B641" s="2" t="s">
        <v>660</v>
      </c>
      <c r="C641" s="3" t="s">
        <v>4</v>
      </c>
    </row>
    <row r="642" spans="1:3" ht="15" x14ac:dyDescent="0.2">
      <c r="A642" s="1">
        <v>664</v>
      </c>
      <c r="B642" s="2" t="s">
        <v>661</v>
      </c>
      <c r="C642" s="3" t="s">
        <v>4</v>
      </c>
    </row>
    <row r="643" spans="1:3" ht="15" x14ac:dyDescent="0.2">
      <c r="A643" s="1">
        <v>665</v>
      </c>
      <c r="B643" s="2" t="s">
        <v>662</v>
      </c>
      <c r="C643" s="3" t="s">
        <v>4</v>
      </c>
    </row>
    <row r="644" spans="1:3" ht="15" x14ac:dyDescent="0.2">
      <c r="A644" s="1">
        <v>666</v>
      </c>
      <c r="B644" s="2" t="s">
        <v>663</v>
      </c>
      <c r="C644" s="3" t="s">
        <v>4</v>
      </c>
    </row>
    <row r="645" spans="1:3" ht="15" x14ac:dyDescent="0.2">
      <c r="A645" s="1">
        <v>667</v>
      </c>
      <c r="B645" s="2" t="s">
        <v>664</v>
      </c>
      <c r="C645" s="3" t="s">
        <v>24</v>
      </c>
    </row>
    <row r="646" spans="1:3" ht="15" x14ac:dyDescent="0.2">
      <c r="A646" s="1">
        <v>668</v>
      </c>
      <c r="B646" s="2" t="s">
        <v>665</v>
      </c>
      <c r="C646" s="3" t="s">
        <v>24</v>
      </c>
    </row>
    <row r="647" spans="1:3" ht="15" x14ac:dyDescent="0.2">
      <c r="A647" s="1">
        <v>669</v>
      </c>
      <c r="B647" s="2" t="s">
        <v>666</v>
      </c>
      <c r="C647" s="3" t="s">
        <v>306</v>
      </c>
    </row>
    <row r="648" spans="1:3" ht="15" x14ac:dyDescent="0.2">
      <c r="A648" s="1">
        <v>670</v>
      </c>
      <c r="B648" s="2" t="s">
        <v>667</v>
      </c>
      <c r="C648" s="3" t="s">
        <v>4</v>
      </c>
    </row>
    <row r="649" spans="1:3" ht="15" x14ac:dyDescent="0.2">
      <c r="A649" s="1">
        <v>671</v>
      </c>
      <c r="B649" s="2" t="s">
        <v>668</v>
      </c>
      <c r="C649" s="3" t="s">
        <v>4</v>
      </c>
    </row>
    <row r="650" spans="1:3" ht="15" x14ac:dyDescent="0.2">
      <c r="A650" s="1">
        <v>672</v>
      </c>
      <c r="B650" s="2" t="s">
        <v>669</v>
      </c>
      <c r="C650" s="3" t="s">
        <v>4</v>
      </c>
    </row>
    <row r="651" spans="1:3" ht="15" x14ac:dyDescent="0.2">
      <c r="A651" s="1">
        <v>673</v>
      </c>
      <c r="B651" s="2" t="s">
        <v>670</v>
      </c>
      <c r="C651" s="3" t="s">
        <v>4</v>
      </c>
    </row>
    <row r="652" spans="1:3" ht="15" x14ac:dyDescent="0.2">
      <c r="A652" s="1">
        <v>674</v>
      </c>
      <c r="B652" s="2" t="s">
        <v>671</v>
      </c>
      <c r="C652" s="3" t="s">
        <v>20</v>
      </c>
    </row>
    <row r="653" spans="1:3" ht="15" x14ac:dyDescent="0.2">
      <c r="A653" s="1">
        <v>675</v>
      </c>
      <c r="B653" s="2" t="s">
        <v>672</v>
      </c>
      <c r="C653" s="3" t="s">
        <v>15</v>
      </c>
    </row>
    <row r="654" spans="1:3" ht="15" x14ac:dyDescent="0.2">
      <c r="A654" s="1">
        <v>676</v>
      </c>
      <c r="B654" s="2" t="s">
        <v>673</v>
      </c>
      <c r="C654" s="3" t="s">
        <v>17</v>
      </c>
    </row>
    <row r="655" spans="1:3" ht="15" x14ac:dyDescent="0.2">
      <c r="A655" s="1">
        <v>677</v>
      </c>
      <c r="B655" s="2" t="s">
        <v>674</v>
      </c>
      <c r="C655" s="3" t="s">
        <v>20</v>
      </c>
    </row>
    <row r="656" spans="1:3" ht="15" x14ac:dyDescent="0.2">
      <c r="A656" s="1">
        <v>678</v>
      </c>
      <c r="B656" s="2" t="s">
        <v>675</v>
      </c>
      <c r="C656" s="3" t="s">
        <v>13</v>
      </c>
    </row>
    <row r="657" spans="1:3" ht="15" x14ac:dyDescent="0.2">
      <c r="A657" s="1">
        <v>679</v>
      </c>
      <c r="B657" s="2" t="s">
        <v>676</v>
      </c>
      <c r="C657" s="3" t="s">
        <v>22</v>
      </c>
    </row>
    <row r="658" spans="1:3" ht="15" x14ac:dyDescent="0.2">
      <c r="A658" s="1">
        <v>680</v>
      </c>
      <c r="B658" s="2" t="s">
        <v>677</v>
      </c>
      <c r="C658" s="3" t="s">
        <v>4</v>
      </c>
    </row>
    <row r="659" spans="1:3" ht="15" x14ac:dyDescent="0.2">
      <c r="A659" s="1">
        <v>681</v>
      </c>
      <c r="B659" s="2" t="s">
        <v>678</v>
      </c>
      <c r="C659" s="3" t="s">
        <v>82</v>
      </c>
    </row>
    <row r="660" spans="1:3" ht="15" x14ac:dyDescent="0.2">
      <c r="A660" s="1">
        <v>682</v>
      </c>
      <c r="B660" s="2" t="s">
        <v>679</v>
      </c>
      <c r="C660" s="3" t="s">
        <v>4</v>
      </c>
    </row>
    <row r="661" spans="1:3" ht="15" x14ac:dyDescent="0.2">
      <c r="A661" s="1">
        <v>683</v>
      </c>
      <c r="B661" s="2" t="s">
        <v>680</v>
      </c>
      <c r="C661" s="3" t="s">
        <v>4</v>
      </c>
    </row>
    <row r="662" spans="1:3" ht="15" x14ac:dyDescent="0.2">
      <c r="A662" s="1">
        <v>684</v>
      </c>
      <c r="B662" s="2" t="s">
        <v>681</v>
      </c>
      <c r="C662" s="3" t="s">
        <v>4</v>
      </c>
    </row>
    <row r="663" spans="1:3" ht="15" x14ac:dyDescent="0.2">
      <c r="A663" s="1">
        <v>685</v>
      </c>
      <c r="B663" s="2" t="s">
        <v>682</v>
      </c>
      <c r="C663" s="3" t="s">
        <v>4</v>
      </c>
    </row>
    <row r="664" spans="1:3" ht="15" x14ac:dyDescent="0.2">
      <c r="A664" s="1">
        <v>686</v>
      </c>
      <c r="B664" s="2" t="s">
        <v>683</v>
      </c>
      <c r="C664" s="3" t="s">
        <v>4</v>
      </c>
    </row>
    <row r="665" spans="1:3" ht="15" x14ac:dyDescent="0.2">
      <c r="A665" s="1">
        <v>687</v>
      </c>
      <c r="B665" s="2" t="s">
        <v>684</v>
      </c>
      <c r="C665" s="3" t="s">
        <v>4</v>
      </c>
    </row>
    <row r="666" spans="1:3" ht="15" x14ac:dyDescent="0.2">
      <c r="A666" s="1">
        <v>688</v>
      </c>
      <c r="B666" s="2" t="s">
        <v>685</v>
      </c>
      <c r="C666" s="3" t="s">
        <v>4</v>
      </c>
    </row>
    <row r="667" spans="1:3" ht="15" x14ac:dyDescent="0.2">
      <c r="A667" s="1">
        <v>689</v>
      </c>
      <c r="B667" s="2" t="s">
        <v>686</v>
      </c>
      <c r="C667" s="3" t="s">
        <v>4</v>
      </c>
    </row>
    <row r="668" spans="1:3" ht="15" x14ac:dyDescent="0.2">
      <c r="A668" s="1">
        <v>690</v>
      </c>
      <c r="B668" s="2" t="s">
        <v>687</v>
      </c>
      <c r="C668" s="3" t="s">
        <v>22</v>
      </c>
    </row>
    <row r="669" spans="1:3" ht="15" x14ac:dyDescent="0.2">
      <c r="A669" s="1">
        <v>691</v>
      </c>
      <c r="B669" s="2" t="s">
        <v>688</v>
      </c>
      <c r="C669" s="3" t="s">
        <v>140</v>
      </c>
    </row>
    <row r="670" spans="1:3" ht="15" x14ac:dyDescent="0.2">
      <c r="A670" s="1">
        <v>692</v>
      </c>
      <c r="B670" s="2" t="s">
        <v>689</v>
      </c>
      <c r="C670" s="3" t="s">
        <v>13</v>
      </c>
    </row>
    <row r="671" spans="1:3" ht="15" x14ac:dyDescent="0.2">
      <c r="A671" s="1">
        <v>693</v>
      </c>
      <c r="B671" s="2" t="s">
        <v>690</v>
      </c>
      <c r="C671" s="3" t="s">
        <v>4</v>
      </c>
    </row>
    <row r="672" spans="1:3" ht="15" x14ac:dyDescent="0.2">
      <c r="A672" s="1">
        <v>694</v>
      </c>
      <c r="B672" s="2" t="s">
        <v>691</v>
      </c>
      <c r="C672" s="3" t="s">
        <v>13</v>
      </c>
    </row>
    <row r="673" spans="1:3" ht="15" x14ac:dyDescent="0.2">
      <c r="A673" s="1">
        <v>695</v>
      </c>
      <c r="B673" s="2" t="s">
        <v>692</v>
      </c>
      <c r="C673" s="3" t="s">
        <v>4</v>
      </c>
    </row>
    <row r="674" spans="1:3" ht="15" x14ac:dyDescent="0.2">
      <c r="A674" s="1">
        <v>696</v>
      </c>
      <c r="B674" s="2" t="s">
        <v>693</v>
      </c>
      <c r="C674" s="3" t="s">
        <v>4</v>
      </c>
    </row>
    <row r="675" spans="1:3" ht="15" x14ac:dyDescent="0.2">
      <c r="A675" s="1">
        <v>697</v>
      </c>
      <c r="B675" s="2" t="s">
        <v>694</v>
      </c>
      <c r="C675" s="3" t="s">
        <v>22</v>
      </c>
    </row>
    <row r="676" spans="1:3" ht="15" x14ac:dyDescent="0.2">
      <c r="A676" s="1">
        <v>698</v>
      </c>
      <c r="B676" s="2" t="s">
        <v>695</v>
      </c>
      <c r="C676" s="3" t="s">
        <v>4</v>
      </c>
    </row>
    <row r="677" spans="1:3" ht="15" x14ac:dyDescent="0.2">
      <c r="A677" s="1">
        <v>699</v>
      </c>
      <c r="B677" s="2" t="s">
        <v>696</v>
      </c>
      <c r="C677" s="3" t="s">
        <v>4</v>
      </c>
    </row>
    <row r="678" spans="1:3" ht="15" x14ac:dyDescent="0.2">
      <c r="A678" s="1">
        <v>700</v>
      </c>
      <c r="B678" s="2" t="s">
        <v>697</v>
      </c>
      <c r="C678" s="3" t="s">
        <v>13</v>
      </c>
    </row>
    <row r="679" spans="1:3" ht="15" x14ac:dyDescent="0.2">
      <c r="A679" s="1">
        <v>701</v>
      </c>
      <c r="B679" s="2" t="s">
        <v>698</v>
      </c>
      <c r="C679" s="3" t="s">
        <v>22</v>
      </c>
    </row>
    <row r="680" spans="1:3" ht="15" x14ac:dyDescent="0.2">
      <c r="A680" s="1">
        <v>702</v>
      </c>
      <c r="B680" s="2" t="s">
        <v>699</v>
      </c>
      <c r="C680" s="3" t="s">
        <v>51</v>
      </c>
    </row>
    <row r="681" spans="1:3" ht="15" x14ac:dyDescent="0.2">
      <c r="A681" s="1">
        <v>703</v>
      </c>
      <c r="B681" s="2" t="s">
        <v>700</v>
      </c>
      <c r="C681" s="3" t="s">
        <v>4</v>
      </c>
    </row>
    <row r="682" spans="1:3" ht="15" x14ac:dyDescent="0.2">
      <c r="A682" s="1">
        <v>704</v>
      </c>
      <c r="B682" s="2" t="s">
        <v>701</v>
      </c>
      <c r="C682" s="3" t="s">
        <v>15</v>
      </c>
    </row>
    <row r="683" spans="1:3" ht="15" x14ac:dyDescent="0.2">
      <c r="A683" s="1">
        <v>705</v>
      </c>
      <c r="B683" s="2" t="s">
        <v>702</v>
      </c>
      <c r="C683" s="3" t="s">
        <v>4</v>
      </c>
    </row>
    <row r="684" spans="1:3" ht="15" x14ac:dyDescent="0.2">
      <c r="A684" s="1">
        <v>706</v>
      </c>
      <c r="B684" s="2" t="s">
        <v>703</v>
      </c>
      <c r="C684" s="3" t="s">
        <v>13</v>
      </c>
    </row>
    <row r="685" spans="1:3" ht="15" x14ac:dyDescent="0.2">
      <c r="A685" s="1">
        <v>707</v>
      </c>
      <c r="B685" s="2" t="s">
        <v>704</v>
      </c>
      <c r="C685" s="3" t="s">
        <v>13</v>
      </c>
    </row>
    <row r="686" spans="1:3" ht="15" x14ac:dyDescent="0.2">
      <c r="A686" s="1">
        <v>709</v>
      </c>
      <c r="B686" s="2" t="s">
        <v>705</v>
      </c>
      <c r="C686" s="3" t="s">
        <v>22</v>
      </c>
    </row>
    <row r="687" spans="1:3" ht="15" x14ac:dyDescent="0.2">
      <c r="A687" s="1">
        <v>710</v>
      </c>
      <c r="B687" s="2" t="s">
        <v>706</v>
      </c>
      <c r="C687" s="3" t="s">
        <v>17</v>
      </c>
    </row>
    <row r="688" spans="1:3" ht="15" x14ac:dyDescent="0.2">
      <c r="A688" s="1">
        <v>711</v>
      </c>
      <c r="B688" s="2" t="s">
        <v>707</v>
      </c>
      <c r="C688" s="3" t="s">
        <v>20</v>
      </c>
    </row>
    <row r="689" spans="1:3" ht="15" x14ac:dyDescent="0.2">
      <c r="A689" s="1">
        <v>712</v>
      </c>
      <c r="B689" s="2" t="s">
        <v>708</v>
      </c>
      <c r="C689" s="3" t="s">
        <v>4</v>
      </c>
    </row>
    <row r="690" spans="1:3" ht="15" x14ac:dyDescent="0.2">
      <c r="A690" s="1">
        <v>713</v>
      </c>
      <c r="B690" s="2" t="s">
        <v>709</v>
      </c>
      <c r="C690" s="3" t="s">
        <v>4</v>
      </c>
    </row>
    <row r="691" spans="1:3" ht="15" x14ac:dyDescent="0.2">
      <c r="A691" s="1">
        <v>714</v>
      </c>
      <c r="B691" s="2" t="s">
        <v>710</v>
      </c>
      <c r="C691" s="3" t="s">
        <v>22</v>
      </c>
    </row>
    <row r="692" spans="1:3" ht="15" x14ac:dyDescent="0.2">
      <c r="A692" s="1">
        <v>715</v>
      </c>
      <c r="B692" s="2" t="s">
        <v>711</v>
      </c>
      <c r="C692" s="3" t="s">
        <v>4</v>
      </c>
    </row>
    <row r="693" spans="1:3" ht="15" x14ac:dyDescent="0.2">
      <c r="A693" s="1">
        <v>716</v>
      </c>
      <c r="B693" s="2" t="s">
        <v>712</v>
      </c>
      <c r="C693" s="3" t="s">
        <v>113</v>
      </c>
    </row>
    <row r="694" spans="1:3" ht="15" x14ac:dyDescent="0.2">
      <c r="A694" s="1">
        <v>717</v>
      </c>
      <c r="B694" s="2" t="s">
        <v>713</v>
      </c>
      <c r="C694" s="3" t="s">
        <v>22</v>
      </c>
    </row>
    <row r="695" spans="1:3" ht="15" x14ac:dyDescent="0.2">
      <c r="A695" s="1">
        <v>718</v>
      </c>
      <c r="B695" s="2" t="s">
        <v>714</v>
      </c>
      <c r="C695" s="3" t="s">
        <v>22</v>
      </c>
    </row>
    <row r="696" spans="1:3" ht="15" x14ac:dyDescent="0.2">
      <c r="A696" s="1">
        <v>719</v>
      </c>
      <c r="B696" s="2" t="s">
        <v>715</v>
      </c>
      <c r="C696" s="3" t="s">
        <v>4</v>
      </c>
    </row>
    <row r="697" spans="1:3" ht="15" x14ac:dyDescent="0.2">
      <c r="A697" s="1">
        <v>720</v>
      </c>
      <c r="B697" s="2" t="s">
        <v>716</v>
      </c>
      <c r="C697" s="3" t="s">
        <v>47</v>
      </c>
    </row>
    <row r="698" spans="1:3" ht="15" x14ac:dyDescent="0.2">
      <c r="A698" s="1">
        <v>721</v>
      </c>
      <c r="B698" s="2" t="s">
        <v>717</v>
      </c>
      <c r="C698" s="3" t="s">
        <v>4</v>
      </c>
    </row>
    <row r="699" spans="1:3" ht="15" x14ac:dyDescent="0.2">
      <c r="A699" s="1">
        <v>722</v>
      </c>
      <c r="B699" s="2" t="s">
        <v>718</v>
      </c>
      <c r="C699" s="3" t="s">
        <v>22</v>
      </c>
    </row>
    <row r="700" spans="1:3" ht="15" x14ac:dyDescent="0.2">
      <c r="A700" s="1">
        <v>723</v>
      </c>
      <c r="B700" s="2" t="s">
        <v>719</v>
      </c>
      <c r="C700" s="3" t="s">
        <v>24</v>
      </c>
    </row>
    <row r="701" spans="1:3" ht="15" x14ac:dyDescent="0.2">
      <c r="A701" s="1">
        <v>724</v>
      </c>
      <c r="B701" s="2" t="s">
        <v>720</v>
      </c>
      <c r="C701" s="3" t="s">
        <v>867</v>
      </c>
    </row>
    <row r="702" spans="1:3" ht="15" x14ac:dyDescent="0.2">
      <c r="A702" s="1">
        <v>725</v>
      </c>
      <c r="B702" s="2" t="s">
        <v>721</v>
      </c>
      <c r="C702" s="3" t="s">
        <v>4</v>
      </c>
    </row>
    <row r="703" spans="1:3" ht="15" x14ac:dyDescent="0.2">
      <c r="A703" s="1">
        <v>726</v>
      </c>
      <c r="B703" s="2" t="s">
        <v>722</v>
      </c>
      <c r="C703" s="3" t="s">
        <v>113</v>
      </c>
    </row>
    <row r="704" spans="1:3" ht="15" x14ac:dyDescent="0.2">
      <c r="A704" s="1">
        <v>727</v>
      </c>
      <c r="B704" s="2" t="s">
        <v>723</v>
      </c>
      <c r="C704" s="3" t="s">
        <v>4</v>
      </c>
    </row>
    <row r="705" spans="1:3" ht="15" x14ac:dyDescent="0.2">
      <c r="A705" s="1">
        <v>728</v>
      </c>
      <c r="B705" s="2" t="s">
        <v>724</v>
      </c>
      <c r="C705" s="3" t="s">
        <v>13</v>
      </c>
    </row>
    <row r="706" spans="1:3" ht="15" x14ac:dyDescent="0.2">
      <c r="A706" s="1">
        <v>729</v>
      </c>
      <c r="B706" s="2" t="s">
        <v>725</v>
      </c>
      <c r="C706" s="3" t="s">
        <v>20</v>
      </c>
    </row>
    <row r="707" spans="1:3" ht="15" x14ac:dyDescent="0.2">
      <c r="A707" s="1">
        <v>730</v>
      </c>
      <c r="B707" s="2" t="s">
        <v>726</v>
      </c>
      <c r="C707" s="3" t="s">
        <v>20</v>
      </c>
    </row>
    <row r="708" spans="1:3" ht="15" x14ac:dyDescent="0.2">
      <c r="A708" s="1">
        <v>731</v>
      </c>
      <c r="B708" s="2" t="s">
        <v>727</v>
      </c>
      <c r="C708" s="3" t="s">
        <v>20</v>
      </c>
    </row>
    <row r="709" spans="1:3" ht="15" x14ac:dyDescent="0.2">
      <c r="A709" s="1">
        <v>732</v>
      </c>
      <c r="B709" s="2" t="s">
        <v>728</v>
      </c>
      <c r="C709" s="3" t="s">
        <v>20</v>
      </c>
    </row>
    <row r="710" spans="1:3" ht="15" x14ac:dyDescent="0.2">
      <c r="A710" s="1">
        <v>733</v>
      </c>
      <c r="B710" s="2" t="s">
        <v>729</v>
      </c>
      <c r="C710" s="3" t="s">
        <v>4</v>
      </c>
    </row>
    <row r="711" spans="1:3" ht="15" x14ac:dyDescent="0.2">
      <c r="A711" s="1">
        <v>734</v>
      </c>
      <c r="B711" s="2" t="s">
        <v>730</v>
      </c>
      <c r="C711" s="3" t="s">
        <v>4</v>
      </c>
    </row>
    <row r="712" spans="1:3" ht="15" x14ac:dyDescent="0.2">
      <c r="A712" s="1">
        <v>735</v>
      </c>
      <c r="B712" s="2" t="s">
        <v>731</v>
      </c>
      <c r="C712" s="3" t="s">
        <v>47</v>
      </c>
    </row>
    <row r="713" spans="1:3" ht="15" x14ac:dyDescent="0.2">
      <c r="A713" s="1">
        <v>736</v>
      </c>
      <c r="B713" s="2" t="s">
        <v>732</v>
      </c>
      <c r="C713" s="3" t="s">
        <v>82</v>
      </c>
    </row>
    <row r="714" spans="1:3" ht="15" x14ac:dyDescent="0.2">
      <c r="A714" s="1">
        <v>737</v>
      </c>
      <c r="B714" s="2" t="s">
        <v>733</v>
      </c>
      <c r="C714" s="3" t="s">
        <v>82</v>
      </c>
    </row>
    <row r="715" spans="1:3" ht="15" x14ac:dyDescent="0.2">
      <c r="A715" s="1">
        <v>738</v>
      </c>
      <c r="B715" s="2" t="s">
        <v>734</v>
      </c>
      <c r="C715" s="3" t="s">
        <v>4</v>
      </c>
    </row>
    <row r="716" spans="1:3" ht="15" x14ac:dyDescent="0.2">
      <c r="A716" s="1">
        <v>739</v>
      </c>
      <c r="B716" s="2" t="s">
        <v>735</v>
      </c>
      <c r="C716" s="3" t="s">
        <v>15</v>
      </c>
    </row>
    <row r="717" spans="1:3" ht="15" x14ac:dyDescent="0.2">
      <c r="A717" s="1">
        <v>740</v>
      </c>
      <c r="B717" s="2" t="s">
        <v>736</v>
      </c>
      <c r="C717" s="3" t="s">
        <v>4</v>
      </c>
    </row>
    <row r="718" spans="1:3" ht="15" x14ac:dyDescent="0.2">
      <c r="A718" s="1">
        <v>741</v>
      </c>
      <c r="B718" s="2" t="s">
        <v>737</v>
      </c>
      <c r="C718" s="3" t="s">
        <v>13</v>
      </c>
    </row>
    <row r="719" spans="1:3" ht="15" x14ac:dyDescent="0.2">
      <c r="A719" s="1">
        <v>742</v>
      </c>
      <c r="B719" s="2" t="s">
        <v>738</v>
      </c>
      <c r="C719" s="3" t="s">
        <v>54</v>
      </c>
    </row>
    <row r="720" spans="1:3" ht="15" x14ac:dyDescent="0.2">
      <c r="A720" s="1">
        <v>743</v>
      </c>
      <c r="B720" s="2" t="s">
        <v>739</v>
      </c>
      <c r="C720" s="3" t="s">
        <v>82</v>
      </c>
    </row>
    <row r="721" spans="1:3" ht="15" x14ac:dyDescent="0.2">
      <c r="A721" s="1">
        <v>744</v>
      </c>
      <c r="B721" s="2" t="s">
        <v>740</v>
      </c>
      <c r="C721" s="3" t="s">
        <v>22</v>
      </c>
    </row>
    <row r="722" spans="1:3" ht="15" x14ac:dyDescent="0.2">
      <c r="A722" s="1">
        <v>745</v>
      </c>
      <c r="B722" s="2" t="s">
        <v>741</v>
      </c>
      <c r="C722" s="3" t="s">
        <v>4</v>
      </c>
    </row>
    <row r="723" spans="1:3" ht="15" x14ac:dyDescent="0.2">
      <c r="A723" s="1">
        <v>746</v>
      </c>
      <c r="B723" s="2" t="s">
        <v>742</v>
      </c>
      <c r="C723" s="3" t="s">
        <v>4</v>
      </c>
    </row>
    <row r="724" spans="1:3" ht="15" x14ac:dyDescent="0.2">
      <c r="A724" s="1">
        <v>747</v>
      </c>
      <c r="B724" s="2" t="s">
        <v>743</v>
      </c>
      <c r="C724" s="3" t="s">
        <v>119</v>
      </c>
    </row>
    <row r="725" spans="1:3" ht="15" x14ac:dyDescent="0.2">
      <c r="A725" s="1">
        <v>748</v>
      </c>
      <c r="B725" s="2" t="s">
        <v>744</v>
      </c>
      <c r="C725" s="3" t="s">
        <v>82</v>
      </c>
    </row>
    <row r="726" spans="1:3" ht="15" x14ac:dyDescent="0.2">
      <c r="A726" s="1">
        <v>749</v>
      </c>
      <c r="B726" s="2" t="s">
        <v>745</v>
      </c>
      <c r="C726" s="3" t="s">
        <v>4</v>
      </c>
    </row>
    <row r="727" spans="1:3" ht="15" x14ac:dyDescent="0.2">
      <c r="A727" s="1">
        <v>750</v>
      </c>
      <c r="B727" s="2" t="s">
        <v>746</v>
      </c>
      <c r="C727" s="3" t="s">
        <v>4</v>
      </c>
    </row>
    <row r="728" spans="1:3" ht="15" x14ac:dyDescent="0.2">
      <c r="A728" s="1">
        <v>751</v>
      </c>
      <c r="B728" s="2" t="s">
        <v>747</v>
      </c>
      <c r="C728" s="3" t="s">
        <v>54</v>
      </c>
    </row>
    <row r="729" spans="1:3" ht="15" x14ac:dyDescent="0.2">
      <c r="A729" s="1">
        <v>752</v>
      </c>
      <c r="B729" s="2" t="s">
        <v>748</v>
      </c>
      <c r="C729" s="3" t="s">
        <v>22</v>
      </c>
    </row>
    <row r="730" spans="1:3" ht="15" x14ac:dyDescent="0.2">
      <c r="A730" s="1">
        <v>753</v>
      </c>
      <c r="B730" s="2" t="s">
        <v>749</v>
      </c>
      <c r="C730" s="3" t="s">
        <v>4</v>
      </c>
    </row>
    <row r="731" spans="1:3" ht="15" x14ac:dyDescent="0.2">
      <c r="A731" s="1">
        <v>754</v>
      </c>
      <c r="B731" s="2" t="s">
        <v>750</v>
      </c>
      <c r="C731" s="3" t="s">
        <v>4</v>
      </c>
    </row>
    <row r="732" spans="1:3" ht="15" x14ac:dyDescent="0.2">
      <c r="A732" s="1">
        <v>755</v>
      </c>
      <c r="B732" s="2" t="s">
        <v>751</v>
      </c>
      <c r="C732" s="3" t="s">
        <v>82</v>
      </c>
    </row>
    <row r="733" spans="1:3" ht="15" x14ac:dyDescent="0.2">
      <c r="A733" s="1">
        <v>756</v>
      </c>
      <c r="B733" s="2" t="s">
        <v>752</v>
      </c>
      <c r="C733" s="3" t="s">
        <v>4</v>
      </c>
    </row>
    <row r="734" spans="1:3" ht="15" x14ac:dyDescent="0.2">
      <c r="A734" s="1">
        <v>757</v>
      </c>
      <c r="B734" s="2" t="s">
        <v>753</v>
      </c>
      <c r="C734" s="3" t="s">
        <v>82</v>
      </c>
    </row>
    <row r="735" spans="1:3" ht="15" x14ac:dyDescent="0.2">
      <c r="A735" s="1">
        <v>758</v>
      </c>
      <c r="B735" s="2" t="s">
        <v>754</v>
      </c>
      <c r="C735" s="3" t="s">
        <v>4</v>
      </c>
    </row>
    <row r="736" spans="1:3" ht="15" x14ac:dyDescent="0.2">
      <c r="A736" s="1">
        <v>759</v>
      </c>
      <c r="B736" s="2" t="s">
        <v>755</v>
      </c>
      <c r="C736" s="3" t="s">
        <v>4</v>
      </c>
    </row>
    <row r="737" spans="1:3" ht="15" x14ac:dyDescent="0.2">
      <c r="A737" s="1">
        <v>760</v>
      </c>
      <c r="B737" s="2" t="s">
        <v>756</v>
      </c>
      <c r="C737" s="3" t="s">
        <v>13</v>
      </c>
    </row>
    <row r="738" spans="1:3" ht="15" x14ac:dyDescent="0.2">
      <c r="A738" s="1">
        <v>761</v>
      </c>
      <c r="B738" s="2" t="s">
        <v>757</v>
      </c>
      <c r="C738" s="3" t="s">
        <v>4</v>
      </c>
    </row>
    <row r="739" spans="1:3" ht="15" x14ac:dyDescent="0.2">
      <c r="A739" s="1">
        <v>762</v>
      </c>
      <c r="B739" s="2" t="s">
        <v>758</v>
      </c>
      <c r="C739" s="3" t="s">
        <v>22</v>
      </c>
    </row>
    <row r="740" spans="1:3" ht="15" x14ac:dyDescent="0.2">
      <c r="A740" s="1">
        <v>763</v>
      </c>
      <c r="B740" s="2" t="s">
        <v>759</v>
      </c>
      <c r="C740" s="3" t="s">
        <v>4</v>
      </c>
    </row>
    <row r="741" spans="1:3" ht="15" x14ac:dyDescent="0.2">
      <c r="A741" s="1">
        <v>764</v>
      </c>
      <c r="B741" s="2" t="s">
        <v>760</v>
      </c>
      <c r="C741" s="3" t="s">
        <v>451</v>
      </c>
    </row>
    <row r="742" spans="1:3" ht="15" x14ac:dyDescent="0.2">
      <c r="A742" s="1">
        <v>765</v>
      </c>
      <c r="B742" s="2" t="s">
        <v>761</v>
      </c>
      <c r="C742" s="3" t="s">
        <v>51</v>
      </c>
    </row>
    <row r="743" spans="1:3" ht="15" x14ac:dyDescent="0.2">
      <c r="A743" s="1">
        <v>766</v>
      </c>
      <c r="B743" s="2" t="s">
        <v>762</v>
      </c>
      <c r="C743" s="3" t="s">
        <v>868</v>
      </c>
    </row>
    <row r="744" spans="1:3" ht="15" x14ac:dyDescent="0.2">
      <c r="A744" s="1">
        <v>767</v>
      </c>
      <c r="B744" s="2" t="s">
        <v>763</v>
      </c>
      <c r="C744" s="3" t="s">
        <v>4</v>
      </c>
    </row>
    <row r="745" spans="1:3" ht="15" x14ac:dyDescent="0.2">
      <c r="A745" s="1">
        <v>768</v>
      </c>
      <c r="B745" s="2" t="s">
        <v>764</v>
      </c>
      <c r="C745" s="3" t="s">
        <v>22</v>
      </c>
    </row>
    <row r="746" spans="1:3" ht="15" x14ac:dyDescent="0.2">
      <c r="A746" s="1">
        <v>769</v>
      </c>
      <c r="B746" s="2" t="s">
        <v>765</v>
      </c>
      <c r="C746" s="3" t="s">
        <v>4</v>
      </c>
    </row>
    <row r="747" spans="1:3" ht="15" x14ac:dyDescent="0.2">
      <c r="A747" s="1">
        <v>770</v>
      </c>
      <c r="B747" s="2" t="s">
        <v>766</v>
      </c>
      <c r="C747" s="3" t="s">
        <v>4</v>
      </c>
    </row>
    <row r="748" spans="1:3" ht="15" x14ac:dyDescent="0.2">
      <c r="A748" s="1">
        <v>771</v>
      </c>
      <c r="B748" s="2" t="s">
        <v>767</v>
      </c>
      <c r="C748" s="3" t="s">
        <v>4</v>
      </c>
    </row>
    <row r="749" spans="1:3" ht="15" x14ac:dyDescent="0.2">
      <c r="A749" s="1">
        <v>772</v>
      </c>
      <c r="B749" s="2" t="s">
        <v>768</v>
      </c>
      <c r="C749" s="3" t="s">
        <v>4</v>
      </c>
    </row>
    <row r="750" spans="1:3" ht="15" x14ac:dyDescent="0.2">
      <c r="A750" s="1">
        <v>773</v>
      </c>
      <c r="B750" s="2" t="s">
        <v>769</v>
      </c>
      <c r="C750" s="3" t="s">
        <v>22</v>
      </c>
    </row>
    <row r="751" spans="1:3" ht="15" x14ac:dyDescent="0.2">
      <c r="A751" s="1">
        <v>774</v>
      </c>
      <c r="B751" s="2" t="s">
        <v>770</v>
      </c>
      <c r="C751" s="3" t="s">
        <v>4</v>
      </c>
    </row>
    <row r="752" spans="1:3" ht="15" x14ac:dyDescent="0.2">
      <c r="A752" s="1">
        <v>775</v>
      </c>
      <c r="B752" s="2" t="s">
        <v>771</v>
      </c>
      <c r="C752" s="3" t="s">
        <v>22</v>
      </c>
    </row>
    <row r="753" spans="1:3" ht="15" x14ac:dyDescent="0.2">
      <c r="A753" s="1">
        <v>776</v>
      </c>
      <c r="B753" s="2" t="s">
        <v>772</v>
      </c>
      <c r="C753" s="3" t="s">
        <v>4</v>
      </c>
    </row>
    <row r="754" spans="1:3" ht="15" x14ac:dyDescent="0.2">
      <c r="A754" s="1">
        <v>777</v>
      </c>
      <c r="B754" s="2" t="s">
        <v>773</v>
      </c>
      <c r="C754" s="3" t="s">
        <v>4</v>
      </c>
    </row>
    <row r="755" spans="1:3" ht="15" x14ac:dyDescent="0.2">
      <c r="A755" s="1">
        <v>778</v>
      </c>
      <c r="B755" s="2" t="s">
        <v>774</v>
      </c>
      <c r="C755" s="3" t="s">
        <v>4</v>
      </c>
    </row>
    <row r="756" spans="1:3" ht="15" x14ac:dyDescent="0.2">
      <c r="A756" s="1">
        <v>779</v>
      </c>
      <c r="B756" s="2" t="s">
        <v>775</v>
      </c>
      <c r="C756" s="3" t="s">
        <v>22</v>
      </c>
    </row>
    <row r="757" spans="1:3" ht="15" x14ac:dyDescent="0.2">
      <c r="A757" s="1">
        <v>780</v>
      </c>
      <c r="B757" s="2" t="s">
        <v>776</v>
      </c>
      <c r="C757" s="3" t="s">
        <v>4</v>
      </c>
    </row>
    <row r="758" spans="1:3" ht="15" x14ac:dyDescent="0.2">
      <c r="A758" s="1">
        <v>781</v>
      </c>
      <c r="B758" s="2" t="s">
        <v>777</v>
      </c>
      <c r="C758" s="3" t="s">
        <v>140</v>
      </c>
    </row>
    <row r="759" spans="1:3" ht="15" x14ac:dyDescent="0.2">
      <c r="A759" s="1">
        <v>782</v>
      </c>
      <c r="B759" s="2" t="s">
        <v>778</v>
      </c>
      <c r="C759" s="3" t="s">
        <v>22</v>
      </c>
    </row>
    <row r="760" spans="1:3" ht="15" x14ac:dyDescent="0.2">
      <c r="A760" s="1">
        <v>783</v>
      </c>
      <c r="B760" s="2" t="s">
        <v>779</v>
      </c>
      <c r="C760" s="3" t="s">
        <v>22</v>
      </c>
    </row>
    <row r="761" spans="1:3" ht="15" x14ac:dyDescent="0.2">
      <c r="A761" s="1">
        <v>784</v>
      </c>
      <c r="B761" s="2" t="s">
        <v>780</v>
      </c>
      <c r="C761" s="3" t="s">
        <v>4</v>
      </c>
    </row>
    <row r="762" spans="1:3" ht="15" x14ac:dyDescent="0.2">
      <c r="A762" s="1">
        <v>785</v>
      </c>
      <c r="B762" s="2" t="s">
        <v>781</v>
      </c>
      <c r="C762" s="3" t="s">
        <v>22</v>
      </c>
    </row>
    <row r="763" spans="1:3" ht="15" x14ac:dyDescent="0.2">
      <c r="A763" s="1">
        <v>786</v>
      </c>
      <c r="B763" s="2" t="s">
        <v>782</v>
      </c>
      <c r="C763" s="3" t="s">
        <v>22</v>
      </c>
    </row>
    <row r="764" spans="1:3" ht="15" x14ac:dyDescent="0.2">
      <c r="A764" s="1">
        <v>787</v>
      </c>
      <c r="B764" s="2" t="s">
        <v>783</v>
      </c>
      <c r="C764" s="3" t="s">
        <v>4</v>
      </c>
    </row>
    <row r="765" spans="1:3" ht="15" x14ac:dyDescent="0.2">
      <c r="A765" s="1">
        <v>788</v>
      </c>
      <c r="B765" s="2" t="s">
        <v>784</v>
      </c>
      <c r="C765" s="3" t="s">
        <v>24</v>
      </c>
    </row>
    <row r="766" spans="1:3" ht="15" x14ac:dyDescent="0.2">
      <c r="A766" s="1">
        <v>789</v>
      </c>
      <c r="B766" s="2" t="s">
        <v>785</v>
      </c>
      <c r="C766" s="3" t="s">
        <v>13</v>
      </c>
    </row>
    <row r="767" spans="1:3" ht="15" x14ac:dyDescent="0.2">
      <c r="A767" s="1">
        <v>790</v>
      </c>
      <c r="B767" s="2" t="s">
        <v>786</v>
      </c>
      <c r="C767" s="3" t="s">
        <v>6</v>
      </c>
    </row>
    <row r="768" spans="1:3" ht="15" x14ac:dyDescent="0.2">
      <c r="A768" s="1">
        <v>791</v>
      </c>
      <c r="B768" s="2" t="s">
        <v>787</v>
      </c>
      <c r="C768" s="3" t="s">
        <v>4</v>
      </c>
    </row>
    <row r="769" spans="1:3" ht="15" x14ac:dyDescent="0.2">
      <c r="A769" s="1">
        <v>792</v>
      </c>
      <c r="B769" s="2" t="s">
        <v>788</v>
      </c>
      <c r="C769" s="3" t="s">
        <v>4</v>
      </c>
    </row>
    <row r="770" spans="1:3" ht="15" x14ac:dyDescent="0.2">
      <c r="A770" s="1">
        <v>793</v>
      </c>
      <c r="B770" s="2" t="s">
        <v>789</v>
      </c>
      <c r="C770" s="3" t="s">
        <v>24</v>
      </c>
    </row>
    <row r="771" spans="1:3" ht="15" x14ac:dyDescent="0.2">
      <c r="A771" s="1">
        <v>794</v>
      </c>
      <c r="B771" s="2" t="s">
        <v>790</v>
      </c>
      <c r="C771" s="3" t="s">
        <v>17</v>
      </c>
    </row>
    <row r="772" spans="1:3" ht="15" x14ac:dyDescent="0.2">
      <c r="A772" s="1">
        <v>795</v>
      </c>
      <c r="B772" s="2" t="s">
        <v>791</v>
      </c>
      <c r="C772" s="3" t="s">
        <v>4</v>
      </c>
    </row>
    <row r="773" spans="1:3" ht="15" x14ac:dyDescent="0.2">
      <c r="A773" s="1">
        <v>796</v>
      </c>
      <c r="B773" s="2" t="s">
        <v>792</v>
      </c>
      <c r="C773" s="3" t="s">
        <v>4</v>
      </c>
    </row>
    <row r="774" spans="1:3" ht="15" x14ac:dyDescent="0.2">
      <c r="A774" s="1">
        <v>797</v>
      </c>
      <c r="B774" s="2" t="s">
        <v>793</v>
      </c>
      <c r="C774" s="3" t="s">
        <v>4</v>
      </c>
    </row>
    <row r="775" spans="1:3" ht="15" x14ac:dyDescent="0.2">
      <c r="A775" s="1">
        <v>798</v>
      </c>
      <c r="B775" s="2" t="s">
        <v>794</v>
      </c>
      <c r="C775" s="3" t="s">
        <v>22</v>
      </c>
    </row>
    <row r="776" spans="1:3" ht="15" x14ac:dyDescent="0.2">
      <c r="A776" s="1">
        <v>799</v>
      </c>
      <c r="B776" s="2" t="s">
        <v>795</v>
      </c>
      <c r="C776" s="3" t="s">
        <v>13</v>
      </c>
    </row>
    <row r="777" spans="1:3" ht="15" x14ac:dyDescent="0.2">
      <c r="A777" s="1">
        <v>800</v>
      </c>
      <c r="B777" s="2" t="s">
        <v>796</v>
      </c>
      <c r="C777" s="3" t="s">
        <v>22</v>
      </c>
    </row>
    <row r="778" spans="1:3" ht="15" x14ac:dyDescent="0.2">
      <c r="A778" s="1">
        <v>801</v>
      </c>
      <c r="B778" s="2" t="s">
        <v>797</v>
      </c>
      <c r="C778" s="3" t="s">
        <v>24</v>
      </c>
    </row>
    <row r="779" spans="1:3" ht="15" x14ac:dyDescent="0.2">
      <c r="A779" s="1">
        <v>802</v>
      </c>
      <c r="B779" s="2" t="s">
        <v>798</v>
      </c>
      <c r="C779" s="3" t="s">
        <v>22</v>
      </c>
    </row>
    <row r="780" spans="1:3" ht="15" x14ac:dyDescent="0.2">
      <c r="A780" s="1">
        <v>803</v>
      </c>
      <c r="B780" s="2" t="s">
        <v>799</v>
      </c>
      <c r="C780" s="3" t="s">
        <v>4</v>
      </c>
    </row>
    <row r="781" spans="1:3" ht="15" x14ac:dyDescent="0.2">
      <c r="A781" s="1">
        <v>804</v>
      </c>
      <c r="B781" s="2" t="s">
        <v>800</v>
      </c>
      <c r="C781" s="3" t="s">
        <v>4</v>
      </c>
    </row>
    <row r="782" spans="1:3" ht="15" x14ac:dyDescent="0.2">
      <c r="A782" s="1">
        <v>805</v>
      </c>
      <c r="B782" s="2" t="s">
        <v>801</v>
      </c>
      <c r="C782" s="3" t="s">
        <v>22</v>
      </c>
    </row>
    <row r="783" spans="1:3" ht="15" x14ac:dyDescent="0.2">
      <c r="A783" s="1">
        <v>806</v>
      </c>
      <c r="B783" s="2" t="s">
        <v>802</v>
      </c>
      <c r="C783" s="3" t="s">
        <v>15</v>
      </c>
    </row>
    <row r="784" spans="1:3" ht="15" x14ac:dyDescent="0.2">
      <c r="A784" s="1">
        <v>807</v>
      </c>
      <c r="B784" s="2" t="s">
        <v>803</v>
      </c>
      <c r="C784" s="3" t="s">
        <v>47</v>
      </c>
    </row>
    <row r="785" spans="1:3" ht="15" x14ac:dyDescent="0.2">
      <c r="A785" s="1">
        <v>808</v>
      </c>
      <c r="B785" s="2" t="s">
        <v>804</v>
      </c>
      <c r="C785" s="3" t="s">
        <v>47</v>
      </c>
    </row>
    <row r="786" spans="1:3" ht="15" x14ac:dyDescent="0.2">
      <c r="A786" s="1">
        <v>809</v>
      </c>
      <c r="B786" s="2" t="s">
        <v>805</v>
      </c>
      <c r="C786" s="3" t="s">
        <v>4</v>
      </c>
    </row>
    <row r="787" spans="1:3" ht="15" x14ac:dyDescent="0.2">
      <c r="A787" s="1">
        <v>810</v>
      </c>
      <c r="B787" s="2" t="s">
        <v>806</v>
      </c>
      <c r="C787" s="3" t="s">
        <v>4</v>
      </c>
    </row>
    <row r="788" spans="1:3" ht="15" x14ac:dyDescent="0.2">
      <c r="A788" s="1">
        <v>811</v>
      </c>
      <c r="B788" s="2" t="s">
        <v>807</v>
      </c>
      <c r="C788" s="3" t="s">
        <v>24</v>
      </c>
    </row>
    <row r="789" spans="1:3" ht="15" x14ac:dyDescent="0.2">
      <c r="A789" s="1">
        <v>812</v>
      </c>
      <c r="B789" s="2" t="s">
        <v>808</v>
      </c>
      <c r="C789" s="3" t="s">
        <v>4</v>
      </c>
    </row>
    <row r="790" spans="1:3" ht="15" x14ac:dyDescent="0.2">
      <c r="A790" s="1">
        <v>813</v>
      </c>
      <c r="B790" s="2" t="s">
        <v>809</v>
      </c>
      <c r="C790" s="3" t="s">
        <v>4</v>
      </c>
    </row>
    <row r="791" spans="1:3" ht="15" x14ac:dyDescent="0.2">
      <c r="A791" s="1">
        <v>814</v>
      </c>
      <c r="B791" s="2" t="s">
        <v>810</v>
      </c>
      <c r="C791" s="3" t="s">
        <v>4</v>
      </c>
    </row>
    <row r="792" spans="1:3" ht="15" x14ac:dyDescent="0.2">
      <c r="A792" s="1">
        <v>815</v>
      </c>
      <c r="B792" s="2" t="s">
        <v>811</v>
      </c>
      <c r="C792" s="3" t="s">
        <v>4</v>
      </c>
    </row>
    <row r="793" spans="1:3" ht="15" x14ac:dyDescent="0.2">
      <c r="A793" s="1">
        <v>816</v>
      </c>
      <c r="B793" s="2" t="s">
        <v>812</v>
      </c>
      <c r="C793" s="3" t="s">
        <v>22</v>
      </c>
    </row>
    <row r="794" spans="1:3" ht="15" x14ac:dyDescent="0.2">
      <c r="A794" s="1">
        <v>817</v>
      </c>
      <c r="B794" s="2" t="s">
        <v>813</v>
      </c>
      <c r="C794" s="3" t="s">
        <v>22</v>
      </c>
    </row>
    <row r="795" spans="1:3" ht="15" x14ac:dyDescent="0.2">
      <c r="A795" s="1">
        <v>818</v>
      </c>
      <c r="B795" s="2" t="s">
        <v>814</v>
      </c>
      <c r="C795" s="3" t="s">
        <v>4</v>
      </c>
    </row>
    <row r="796" spans="1:3" ht="15" x14ac:dyDescent="0.2">
      <c r="A796" s="1">
        <v>819</v>
      </c>
      <c r="B796" s="2" t="s">
        <v>815</v>
      </c>
      <c r="C796" s="3" t="s">
        <v>4</v>
      </c>
    </row>
    <row r="797" spans="1:3" ht="15" x14ac:dyDescent="0.2">
      <c r="A797" s="1">
        <v>820</v>
      </c>
      <c r="B797" s="2" t="s">
        <v>816</v>
      </c>
      <c r="C797" s="3" t="s">
        <v>4</v>
      </c>
    </row>
    <row r="798" spans="1:3" ht="15" x14ac:dyDescent="0.2">
      <c r="A798" s="1">
        <v>821</v>
      </c>
      <c r="B798" s="2" t="s">
        <v>817</v>
      </c>
      <c r="C798" s="3" t="s">
        <v>22</v>
      </c>
    </row>
    <row r="799" spans="1:3" ht="15" x14ac:dyDescent="0.2">
      <c r="A799" s="1">
        <v>822</v>
      </c>
      <c r="B799" s="2" t="s">
        <v>818</v>
      </c>
      <c r="C799" s="3" t="s">
        <v>22</v>
      </c>
    </row>
    <row r="800" spans="1:3" ht="15" x14ac:dyDescent="0.2">
      <c r="A800" s="1">
        <v>823</v>
      </c>
      <c r="B800" s="2" t="s">
        <v>819</v>
      </c>
      <c r="C800" s="3" t="s">
        <v>17</v>
      </c>
    </row>
    <row r="801" spans="1:3" ht="15" x14ac:dyDescent="0.2">
      <c r="A801" s="1">
        <v>824</v>
      </c>
      <c r="B801" s="2" t="s">
        <v>820</v>
      </c>
      <c r="C801" s="3" t="s">
        <v>4</v>
      </c>
    </row>
    <row r="802" spans="1:3" ht="15" x14ac:dyDescent="0.2">
      <c r="A802" s="1">
        <v>825</v>
      </c>
      <c r="B802" s="2" t="s">
        <v>821</v>
      </c>
      <c r="C802" s="3" t="s">
        <v>4</v>
      </c>
    </row>
    <row r="803" spans="1:3" ht="15" x14ac:dyDescent="0.2">
      <c r="A803" s="1">
        <v>826</v>
      </c>
      <c r="B803" s="2" t="s">
        <v>822</v>
      </c>
      <c r="C803" s="3" t="s">
        <v>4</v>
      </c>
    </row>
    <row r="804" spans="1:3" ht="15" x14ac:dyDescent="0.2">
      <c r="A804" s="1">
        <v>827</v>
      </c>
      <c r="B804" s="2" t="s">
        <v>823</v>
      </c>
      <c r="C804" s="3" t="s">
        <v>22</v>
      </c>
    </row>
    <row r="805" spans="1:3" ht="15" x14ac:dyDescent="0.2">
      <c r="A805" s="1">
        <v>828</v>
      </c>
      <c r="B805" s="2" t="s">
        <v>824</v>
      </c>
      <c r="C805" s="3" t="s">
        <v>113</v>
      </c>
    </row>
    <row r="806" spans="1:3" ht="15" x14ac:dyDescent="0.2">
      <c r="A806" s="1">
        <v>829</v>
      </c>
      <c r="B806" s="2" t="s">
        <v>825</v>
      </c>
      <c r="C806" s="3" t="s">
        <v>4</v>
      </c>
    </row>
    <row r="807" spans="1:3" ht="15" x14ac:dyDescent="0.2">
      <c r="A807" s="1">
        <v>830</v>
      </c>
      <c r="B807" s="2" t="s">
        <v>826</v>
      </c>
      <c r="C807" s="3" t="s">
        <v>4</v>
      </c>
    </row>
    <row r="808" spans="1:3" ht="15" x14ac:dyDescent="0.2">
      <c r="A808" s="1">
        <v>831</v>
      </c>
      <c r="B808" s="2" t="s">
        <v>827</v>
      </c>
      <c r="C808" s="3" t="s">
        <v>22</v>
      </c>
    </row>
    <row r="809" spans="1:3" ht="15" x14ac:dyDescent="0.2">
      <c r="A809" s="1">
        <v>832</v>
      </c>
      <c r="B809" s="2" t="s">
        <v>828</v>
      </c>
      <c r="C809" s="3" t="s">
        <v>22</v>
      </c>
    </row>
    <row r="810" spans="1:3" ht="15" x14ac:dyDescent="0.2">
      <c r="A810" s="1">
        <v>833</v>
      </c>
      <c r="B810" s="2" t="s">
        <v>829</v>
      </c>
      <c r="C810" s="3" t="s">
        <v>22</v>
      </c>
    </row>
    <row r="811" spans="1:3" ht="15" x14ac:dyDescent="0.2">
      <c r="A811" s="1">
        <v>834</v>
      </c>
      <c r="B811" s="2" t="s">
        <v>830</v>
      </c>
      <c r="C811" s="3" t="s">
        <v>47</v>
      </c>
    </row>
    <row r="812" spans="1:3" ht="15" x14ac:dyDescent="0.2">
      <c r="A812" s="1">
        <v>835</v>
      </c>
      <c r="B812" s="2" t="s">
        <v>831</v>
      </c>
      <c r="C812" s="3" t="s">
        <v>22</v>
      </c>
    </row>
    <row r="813" spans="1:3" ht="15" x14ac:dyDescent="0.2">
      <c r="A813" s="1">
        <v>836</v>
      </c>
      <c r="B813" s="2" t="s">
        <v>832</v>
      </c>
      <c r="C813" s="3" t="s">
        <v>4</v>
      </c>
    </row>
    <row r="814" spans="1:3" ht="15" x14ac:dyDescent="0.2">
      <c r="A814" s="1">
        <v>837</v>
      </c>
      <c r="B814" s="2" t="s">
        <v>833</v>
      </c>
      <c r="C814" s="3" t="s">
        <v>4</v>
      </c>
    </row>
    <row r="815" spans="1:3" ht="15" x14ac:dyDescent="0.2">
      <c r="A815" s="1">
        <v>838</v>
      </c>
      <c r="B815" s="2" t="s">
        <v>834</v>
      </c>
      <c r="C815" s="3" t="s">
        <v>47</v>
      </c>
    </row>
    <row r="816" spans="1:3" ht="15" x14ac:dyDescent="0.2">
      <c r="A816" s="1">
        <v>839</v>
      </c>
      <c r="B816" s="2" t="s">
        <v>835</v>
      </c>
      <c r="C816" s="3" t="s">
        <v>4</v>
      </c>
    </row>
    <row r="817" spans="1:3" ht="15" x14ac:dyDescent="0.2">
      <c r="A817" s="1">
        <v>840</v>
      </c>
      <c r="B817" s="2" t="s">
        <v>836</v>
      </c>
      <c r="C817" s="3" t="s">
        <v>4</v>
      </c>
    </row>
    <row r="818" spans="1:3" ht="15" x14ac:dyDescent="0.2">
      <c r="A818" s="1">
        <v>841</v>
      </c>
      <c r="B818" s="2" t="s">
        <v>837</v>
      </c>
      <c r="C818" s="3" t="s">
        <v>4</v>
      </c>
    </row>
    <row r="819" spans="1:3" ht="15" x14ac:dyDescent="0.2">
      <c r="A819" s="1">
        <v>842</v>
      </c>
      <c r="B819" s="2" t="s">
        <v>838</v>
      </c>
      <c r="C819" s="3" t="s">
        <v>20</v>
      </c>
    </row>
    <row r="820" spans="1:3" ht="15" x14ac:dyDescent="0.2">
      <c r="A820" s="1">
        <v>843</v>
      </c>
      <c r="B820" s="2" t="s">
        <v>839</v>
      </c>
      <c r="C820" s="3" t="s">
        <v>24</v>
      </c>
    </row>
    <row r="821" spans="1:3" ht="15" x14ac:dyDescent="0.2">
      <c r="A821" s="1">
        <v>844</v>
      </c>
      <c r="B821" s="2" t="s">
        <v>840</v>
      </c>
      <c r="C821" s="3" t="s">
        <v>119</v>
      </c>
    </row>
    <row r="822" spans="1:3" ht="15" x14ac:dyDescent="0.2">
      <c r="A822" s="1">
        <v>845</v>
      </c>
      <c r="B822" s="2" t="s">
        <v>841</v>
      </c>
      <c r="C822" s="3" t="s">
        <v>4</v>
      </c>
    </row>
    <row r="823" spans="1:3" ht="15" x14ac:dyDescent="0.2">
      <c r="A823" s="1">
        <v>846</v>
      </c>
      <c r="B823" s="2" t="s">
        <v>842</v>
      </c>
      <c r="C823" s="3" t="s">
        <v>24</v>
      </c>
    </row>
    <row r="824" spans="1:3" ht="15" x14ac:dyDescent="0.2">
      <c r="A824" s="1">
        <v>847</v>
      </c>
      <c r="B824" s="2" t="s">
        <v>843</v>
      </c>
      <c r="C824" s="3" t="s">
        <v>4</v>
      </c>
    </row>
    <row r="825" spans="1:3" ht="15" x14ac:dyDescent="0.2">
      <c r="A825" s="1">
        <v>848</v>
      </c>
      <c r="B825" s="2" t="s">
        <v>844</v>
      </c>
      <c r="C825" s="3" t="s">
        <v>4</v>
      </c>
    </row>
    <row r="826" spans="1:3" ht="15" x14ac:dyDescent="0.2">
      <c r="A826" s="1">
        <v>849</v>
      </c>
      <c r="B826" s="2" t="s">
        <v>845</v>
      </c>
      <c r="C826" s="3" t="s">
        <v>22</v>
      </c>
    </row>
    <row r="827" spans="1:3" ht="15" x14ac:dyDescent="0.2">
      <c r="A827" s="1">
        <v>850</v>
      </c>
      <c r="B827" s="2" t="s">
        <v>846</v>
      </c>
      <c r="C827" s="3" t="s">
        <v>13</v>
      </c>
    </row>
    <row r="828" spans="1:3" ht="15" x14ac:dyDescent="0.2">
      <c r="A828" s="1">
        <v>851</v>
      </c>
      <c r="B828" s="2" t="s">
        <v>847</v>
      </c>
      <c r="C828" s="3" t="s">
        <v>4</v>
      </c>
    </row>
    <row r="829" spans="1:3" ht="15" x14ac:dyDescent="0.2">
      <c r="A829" s="1">
        <v>852</v>
      </c>
      <c r="B829" s="2" t="s">
        <v>848</v>
      </c>
      <c r="C829" s="3" t="s">
        <v>4</v>
      </c>
    </row>
    <row r="830" spans="1:3" ht="15" x14ac:dyDescent="0.2">
      <c r="A830" s="1">
        <v>853</v>
      </c>
      <c r="B830" s="2" t="s">
        <v>849</v>
      </c>
      <c r="C830" s="3" t="s">
        <v>138</v>
      </c>
    </row>
    <row r="831" spans="1:3" ht="15" x14ac:dyDescent="0.2">
      <c r="A831" s="1">
        <v>854</v>
      </c>
      <c r="B831" s="2" t="s">
        <v>850</v>
      </c>
      <c r="C831" s="3" t="s">
        <v>51</v>
      </c>
    </row>
    <row r="832" spans="1:3" ht="15" x14ac:dyDescent="0.2">
      <c r="A832" s="1">
        <v>855</v>
      </c>
      <c r="B832" s="2" t="s">
        <v>851</v>
      </c>
      <c r="C832" s="3" t="s">
        <v>17</v>
      </c>
    </row>
    <row r="833" spans="1:3" ht="15" x14ac:dyDescent="0.2">
      <c r="A833" s="1">
        <v>856</v>
      </c>
      <c r="B833" s="2" t="s">
        <v>852</v>
      </c>
      <c r="C833" s="3" t="s">
        <v>4</v>
      </c>
    </row>
    <row r="834" spans="1:3" ht="15" x14ac:dyDescent="0.2">
      <c r="A834" s="1">
        <v>857</v>
      </c>
      <c r="B834" s="2" t="s">
        <v>853</v>
      </c>
      <c r="C834" s="3" t="s">
        <v>24</v>
      </c>
    </row>
    <row r="835" spans="1:3" ht="15" x14ac:dyDescent="0.2">
      <c r="A835" s="1">
        <v>858</v>
      </c>
      <c r="B835" s="2" t="s">
        <v>854</v>
      </c>
      <c r="C835" s="3" t="s">
        <v>20</v>
      </c>
    </row>
    <row r="836" spans="1:3" ht="15" x14ac:dyDescent="0.2">
      <c r="A836" s="1">
        <v>859</v>
      </c>
      <c r="B836" s="2" t="s">
        <v>855</v>
      </c>
      <c r="C836" s="3" t="s">
        <v>4</v>
      </c>
    </row>
    <row r="837" spans="1:3" ht="15" x14ac:dyDescent="0.2">
      <c r="A837" s="1">
        <v>860</v>
      </c>
      <c r="B837" s="2" t="s">
        <v>856</v>
      </c>
      <c r="C837" s="3" t="s">
        <v>4</v>
      </c>
    </row>
    <row r="838" spans="1:3" ht="9.6" customHeight="1" x14ac:dyDescent="0.2">
      <c r="A838" s="5"/>
      <c r="B838" s="2"/>
      <c r="C838" s="3"/>
    </row>
    <row r="839" spans="1:3" ht="15" x14ac:dyDescent="0.2">
      <c r="A839" s="6" t="s">
        <v>857</v>
      </c>
      <c r="B839" s="5"/>
      <c r="C839" s="6"/>
    </row>
    <row r="840" spans="1:3" ht="15" x14ac:dyDescent="0.2">
      <c r="A840" s="6" t="s">
        <v>859</v>
      </c>
      <c r="B840" s="5"/>
      <c r="C840" s="6"/>
    </row>
    <row r="841" spans="1:3" x14ac:dyDescent="0.2">
      <c r="A841" s="7" t="s">
        <v>858</v>
      </c>
    </row>
  </sheetData>
  <phoneticPr fontId="1"/>
  <hyperlinks>
    <hyperlink ref="A841" r:id="rId1" xr:uid="{32AE108B-08A9-450C-A475-B1E5186F1CB8}"/>
  </hyperlinks>
  <printOptions horizontalCentered="1"/>
  <pageMargins left="0.70866141732283472" right="0.70866141732283472" top="0.74803149606299213" bottom="0.74803149606299213" header="0.31496062992125984" footer="0.31496062992125984"/>
  <pageSetup paperSize="9" scale="76" fitToHeight="0" orientation="portrait" r:id="rId2"/>
  <tableParts count="1">
    <tablePart r:id="rId3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6.1.7現在</vt:lpstr>
      <vt:lpstr>'2026.1.7現在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　畑</dc:creator>
  <cp:lastModifiedBy>神奈川県　畑</cp:lastModifiedBy>
  <cp:lastPrinted>2026-02-03T06:54:47Z</cp:lastPrinted>
  <dcterms:created xsi:type="dcterms:W3CDTF">2025-12-25T02:34:38Z</dcterms:created>
  <dcterms:modified xsi:type="dcterms:W3CDTF">2026-02-03T06:54:59Z</dcterms:modified>
</cp:coreProperties>
</file>